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425"/>
  <workbookPr/>
  <mc:AlternateContent xmlns:mc="http://schemas.openxmlformats.org/markup-compatibility/2006">
    <mc:Choice Requires="x15">
      <x15ac:absPath xmlns:x15ac="http://schemas.microsoft.com/office/spreadsheetml/2010/11/ac" url="\\smd1fs01\s165\S165経営支援部\新事部-R1連携事業支援☆\C2 03販路開拓支援\C2 01 パートナー事業\C2 03 パートナー企画\C2 令和6年度\03-13_タイムラボ　体験型商材募集                  （決裁前・資料回収済）\"/>
    </mc:Choice>
  </mc:AlternateContent>
  <xr:revisionPtr revIDLastSave="0" documentId="13_ncr:1_{3153F5CC-40D2-4490-91FB-D0624621AFAF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商品シート" sheetId="4" r:id="rId1"/>
    <sheet name="リスト" sheetId="3" state="hidden" r:id="rId2"/>
  </sheets>
  <definedNames>
    <definedName name="サービス業・他に分類されないもの">リスト!$V$4:$V$12</definedName>
    <definedName name="医療・福祉">リスト!$T$4:$T$6</definedName>
    <definedName name="運輸業・郵便業">リスト!$L$4:$L$11</definedName>
    <definedName name="卸売業・小売業">リスト!$M$4:$M$15</definedName>
    <definedName name="学術研究・専門・技術サービス業">リスト!$P$4:$P$7</definedName>
    <definedName name="漁業">リスト!$F$4:$F$5</definedName>
    <definedName name="教育・学習支援業">リスト!$S$4:$S$5</definedName>
    <definedName name="金融業・保険業">リスト!$N$4:$N$9</definedName>
    <definedName name="建設業">リスト!$H$4:$H$6</definedName>
    <definedName name="公務・他に分類されるものを除く">リスト!$W$4:$W$5</definedName>
    <definedName name="鉱業・採石業・砂利採取業">リスト!$G$4</definedName>
    <definedName name="宿泊業・飲食サービス業">リスト!$Q$4:$Q$6</definedName>
    <definedName name="情報通信業">リスト!$K$4:$K$8</definedName>
    <definedName name="生活関連サービス業・娯楽業">リスト!$R$4:$R$6</definedName>
    <definedName name="製造業">リスト!$I$4:$I$27</definedName>
    <definedName name="電気・ガス・熱供給・水道業">リスト!$J$4:$J$7</definedName>
    <definedName name="農業・林業">リスト!$E$4:$E$5</definedName>
    <definedName name="不動産業・物品賃貸業">リスト!$O$4:$O$6</definedName>
    <definedName name="複合サービス事業">リスト!$U$4:$U$5</definedName>
    <definedName name="分類不能の産業">リスト!$X$4</definedName>
  </definedNames>
  <calcPr calcId="162913"/>
</workbook>
</file>

<file path=xl/sharedStrings.xml><?xml version="1.0" encoding="utf-8"?>
<sst xmlns="http://schemas.openxmlformats.org/spreadsheetml/2006/main" count="173" uniqueCount="169">
  <si>
    <t>✓</t>
    <phoneticPr fontId="2"/>
  </si>
  <si>
    <t>漁業</t>
  </si>
  <si>
    <t>鉱業，採石業，砂利採取業</t>
  </si>
  <si>
    <t>建設業</t>
  </si>
  <si>
    <t>製造業</t>
  </si>
  <si>
    <t>電気・ガス・熱供給・水道業</t>
  </si>
  <si>
    <t>情報通信業</t>
  </si>
  <si>
    <t>運輸業，郵便業</t>
  </si>
  <si>
    <t>卸売業・小売業</t>
  </si>
  <si>
    <t>金融業・保険業</t>
  </si>
  <si>
    <t>不動産業，物品賃貸業</t>
  </si>
  <si>
    <t>学術研究，専門・技術サービス業</t>
  </si>
  <si>
    <t>宿泊業，飲食サービス業</t>
  </si>
  <si>
    <t>教育，学習支援業</t>
  </si>
  <si>
    <t>医療，福祉</t>
  </si>
  <si>
    <t>複合サービス事業</t>
  </si>
  <si>
    <t>サービス業（他に分類されないもの）</t>
  </si>
  <si>
    <t>公務（他に分類されるものを除く）</t>
  </si>
  <si>
    <t>分類不能の産業</t>
  </si>
  <si>
    <t>農業</t>
  </si>
  <si>
    <t>林業</t>
  </si>
  <si>
    <t>漁業（水産養殖業を除く）</t>
  </si>
  <si>
    <t>水産養殖業</t>
  </si>
  <si>
    <t>総合工事業</t>
  </si>
  <si>
    <t>職別工事業(設備工事業を除く)</t>
  </si>
  <si>
    <t>設備工事業</t>
  </si>
  <si>
    <t>食料品製造業</t>
  </si>
  <si>
    <t>飲料・たばこ・飼料製造業</t>
  </si>
  <si>
    <t>繊維工業</t>
  </si>
  <si>
    <t>木材・木製品製造業（家具を除く）</t>
  </si>
  <si>
    <t>家具・装備品製造業</t>
  </si>
  <si>
    <t>パルプ・紙・紙加工品製造業</t>
  </si>
  <si>
    <t>印刷・同関連業</t>
  </si>
  <si>
    <t>化学工業</t>
  </si>
  <si>
    <t>石油製品・石炭製品製造業</t>
  </si>
  <si>
    <t>プラスチック製品製造業（別掲を除く）</t>
  </si>
  <si>
    <t>ゴム製品製造業</t>
  </si>
  <si>
    <t>なめし革・同製品・毛皮製造業</t>
  </si>
  <si>
    <t>窯業・土石製品製造業</t>
  </si>
  <si>
    <t>鉄鋼業</t>
  </si>
  <si>
    <t>非鉄金属製造業</t>
  </si>
  <si>
    <t>金属製品製造業</t>
  </si>
  <si>
    <t>はん用機械器具製造業</t>
  </si>
  <si>
    <t>生産用機械器具製造業</t>
  </si>
  <si>
    <t>業務用機械器具製造業</t>
  </si>
  <si>
    <t>電子部品・デバイス・電子回路製造業</t>
  </si>
  <si>
    <t>電気機械器具製造業</t>
  </si>
  <si>
    <t>情報通信機械器具製造業</t>
  </si>
  <si>
    <t>輸送用機械器具製造業</t>
  </si>
  <si>
    <t>その他の製造業</t>
  </si>
  <si>
    <t>電気業</t>
  </si>
  <si>
    <t>ガス業</t>
  </si>
  <si>
    <t>熱供給業</t>
  </si>
  <si>
    <t>水道業</t>
  </si>
  <si>
    <t>通信業</t>
  </si>
  <si>
    <t>放送業</t>
  </si>
  <si>
    <t>情報サービス業</t>
  </si>
  <si>
    <t>インターネット附随サービス業</t>
  </si>
  <si>
    <t>映像・音声・文字情報制作業</t>
  </si>
  <si>
    <t>鉄道業</t>
  </si>
  <si>
    <t>道路旅客運送業</t>
  </si>
  <si>
    <t>道路貨物運送業</t>
  </si>
  <si>
    <t>水運業</t>
  </si>
  <si>
    <t>航空運輸業</t>
  </si>
  <si>
    <t>倉庫業</t>
  </si>
  <si>
    <t>運輸に附帯するサービス業</t>
  </si>
  <si>
    <t>郵便業（信書便事業を含む）</t>
  </si>
  <si>
    <t>各種商品卸売業</t>
  </si>
  <si>
    <t>繊維・衣服等卸売業</t>
  </si>
  <si>
    <t>飲食料品卸売業</t>
  </si>
  <si>
    <t>建築材料，鉱物・金属材料等卸売業</t>
  </si>
  <si>
    <t>機械器具卸売業</t>
  </si>
  <si>
    <t>その他の卸売業</t>
  </si>
  <si>
    <t>各種商品小売業</t>
  </si>
  <si>
    <t>織物・衣服・身の回り品小売業</t>
  </si>
  <si>
    <t>飲食料品小売業</t>
  </si>
  <si>
    <t>機械器具小売業</t>
  </si>
  <si>
    <t>その他の小売業</t>
  </si>
  <si>
    <t>無店舗小売業</t>
  </si>
  <si>
    <t>銀行業</t>
  </si>
  <si>
    <t>協同組織金融業</t>
  </si>
  <si>
    <t>貸金業，クレジットカード業等非預金信用機関</t>
  </si>
  <si>
    <t>金融商品取引業，商品先物取引業</t>
  </si>
  <si>
    <t>補助的金融業等</t>
  </si>
  <si>
    <t>保険業（保険媒介代理業，保険サービス業を含む）</t>
  </si>
  <si>
    <t>不動産取引業</t>
  </si>
  <si>
    <t>不動産賃貸業・管理業</t>
  </si>
  <si>
    <t>物品賃貸業</t>
  </si>
  <si>
    <t>学術・開発研究機関</t>
  </si>
  <si>
    <t>専門サービス業（他に分類されないもの）</t>
  </si>
  <si>
    <t>広告業</t>
  </si>
  <si>
    <t>技術サービス業（他に分類されないもの）</t>
  </si>
  <si>
    <t>宿泊業</t>
  </si>
  <si>
    <t>飲食店</t>
  </si>
  <si>
    <t>持ち帰り・配達飲食サービス業</t>
  </si>
  <si>
    <t>洗濯・理容・美容・浴場業</t>
  </si>
  <si>
    <t>その他の生活関連サービス業</t>
  </si>
  <si>
    <t>娯楽業</t>
  </si>
  <si>
    <t>学校教育</t>
  </si>
  <si>
    <t>その他の教育，学習支援業</t>
  </si>
  <si>
    <t>医療業</t>
  </si>
  <si>
    <t>保健衛生</t>
  </si>
  <si>
    <t>社会保険・社会福祉・介護事業</t>
  </si>
  <si>
    <t>郵便局</t>
  </si>
  <si>
    <t>協同組合（他に分類されないもの）</t>
  </si>
  <si>
    <t>廃棄物処理業</t>
  </si>
  <si>
    <t>自動車整備業</t>
  </si>
  <si>
    <t>機械等修理業（別掲を除く）</t>
  </si>
  <si>
    <t>職業紹介・労働者派遣業</t>
  </si>
  <si>
    <t>その他の事業サービス業</t>
  </si>
  <si>
    <t>政治・経済・文化団体</t>
  </si>
  <si>
    <t>宗教</t>
  </si>
  <si>
    <t>その他のサービス業</t>
  </si>
  <si>
    <t>外国公務</t>
  </si>
  <si>
    <t>国家公務</t>
  </si>
  <si>
    <t>地方公務</t>
  </si>
  <si>
    <t>農業，林業</t>
    <phoneticPr fontId="2"/>
  </si>
  <si>
    <t>生活関連サービス業，娯楽業</t>
    <phoneticPr fontId="2"/>
  </si>
  <si>
    <t>農業・林業</t>
    <phoneticPr fontId="2"/>
  </si>
  <si>
    <t>鉱業・採石業・砂利採取業</t>
    <phoneticPr fontId="2"/>
  </si>
  <si>
    <t>運輸業・郵便業</t>
    <phoneticPr fontId="2"/>
  </si>
  <si>
    <t>不動産業・物品賃貸業</t>
    <phoneticPr fontId="2"/>
  </si>
  <si>
    <t>学術研究・専門・技術サービス業</t>
    <phoneticPr fontId="2"/>
  </si>
  <si>
    <t>宿泊業・飲食サービス業</t>
    <phoneticPr fontId="2"/>
  </si>
  <si>
    <t>生活関連サービス業・娯楽業</t>
    <phoneticPr fontId="2"/>
  </si>
  <si>
    <t>教育・学習支援業</t>
    <phoneticPr fontId="2"/>
  </si>
  <si>
    <t>医療・福祉</t>
    <phoneticPr fontId="2"/>
  </si>
  <si>
    <t>建設業</t>
    <phoneticPr fontId="2"/>
  </si>
  <si>
    <t>電気・ガス・熱供給・水道業</t>
    <phoneticPr fontId="2"/>
  </si>
  <si>
    <t>情報通信業</t>
    <phoneticPr fontId="2"/>
  </si>
  <si>
    <t>卸売業・小売業</t>
    <phoneticPr fontId="2"/>
  </si>
  <si>
    <t>金融業・保険業</t>
    <phoneticPr fontId="2"/>
  </si>
  <si>
    <t>複合サービス事業</t>
    <phoneticPr fontId="2"/>
  </si>
  <si>
    <t>サービス業・他に分類されないもの</t>
    <phoneticPr fontId="2"/>
  </si>
  <si>
    <t>公務・他に分類されるものを除く</t>
    <phoneticPr fontId="2"/>
  </si>
  <si>
    <t>分類不能の産業</t>
    <phoneticPr fontId="2"/>
  </si>
  <si>
    <t>NO</t>
    <phoneticPr fontId="2"/>
  </si>
  <si>
    <t>例</t>
    <rPh sb="0" eb="1">
      <t>レイ</t>
    </rPh>
    <phoneticPr fontId="2"/>
  </si>
  <si>
    <t>宅急便＋自社便</t>
    <rPh sb="0" eb="3">
      <t>タッキュウビン</t>
    </rPh>
    <rPh sb="4" eb="7">
      <t>ジシャビン</t>
    </rPh>
    <phoneticPr fontId="3"/>
  </si>
  <si>
    <t>コレもう食べた？</t>
    <rPh sb="4" eb="5">
      <t>タ</t>
    </rPh>
    <phoneticPr fontId="3"/>
  </si>
  <si>
    <t>エキナカ催事</t>
    <rPh sb="4" eb="6">
      <t>サイジ</t>
    </rPh>
    <phoneticPr fontId="3"/>
  </si>
  <si>
    <t>https://〇〇</t>
    <phoneticPr fontId="5"/>
  </si>
  <si>
    <t>宅急便</t>
    <rPh sb="0" eb="3">
      <t>タッキュウビン</t>
    </rPh>
    <phoneticPr fontId="3"/>
  </si>
  <si>
    <t>自社便</t>
    <rPh sb="0" eb="2">
      <t>ジシャ</t>
    </rPh>
    <rPh sb="2" eb="3">
      <t>ビン</t>
    </rPh>
    <phoneticPr fontId="3"/>
  </si>
  <si>
    <t>常温</t>
    <rPh sb="0" eb="2">
      <t>ジョウオン</t>
    </rPh>
    <phoneticPr fontId="2"/>
  </si>
  <si>
    <t>冷蔵</t>
    <rPh sb="0" eb="2">
      <t>レイゾウ</t>
    </rPh>
    <phoneticPr fontId="2"/>
  </si>
  <si>
    <t>冷凍</t>
    <rPh sb="0" eb="2">
      <t>レイトウ</t>
    </rPh>
    <phoneticPr fontId="2"/>
  </si>
  <si>
    <t>貴社名</t>
    <rPh sb="0" eb="3">
      <t>キシャメイ</t>
    </rPh>
    <phoneticPr fontId="5"/>
  </si>
  <si>
    <t>〇〇株式会社</t>
    <rPh sb="2" eb="6">
      <t>カブシキカイシャ</t>
    </rPh>
    <phoneticPr fontId="5"/>
  </si>
  <si>
    <t>株式会社タイムラボ　サービス提案シート</t>
    <rPh sb="14" eb="16">
      <t>テイアン</t>
    </rPh>
    <phoneticPr fontId="2"/>
  </si>
  <si>
    <t>施設名</t>
    <rPh sb="0" eb="3">
      <t>シセツメイ</t>
    </rPh>
    <phoneticPr fontId="5"/>
  </si>
  <si>
    <t>施設所在地</t>
    <rPh sb="0" eb="2">
      <t>シセツ</t>
    </rPh>
    <rPh sb="2" eb="5">
      <t>ショザイチ</t>
    </rPh>
    <phoneticPr fontId="2"/>
  </si>
  <si>
    <t>東京都</t>
    <rPh sb="0" eb="3">
      <t>トウキョウト</t>
    </rPh>
    <phoneticPr fontId="2"/>
  </si>
  <si>
    <t>○○リゾート</t>
    <phoneticPr fontId="2"/>
  </si>
  <si>
    <t>東京都港区虎ノ門〇丁目〇-〇</t>
    <rPh sb="0" eb="3">
      <t>トウキョウト</t>
    </rPh>
    <rPh sb="3" eb="5">
      <t>ミナトク</t>
    </rPh>
    <rPh sb="5" eb="6">
      <t>トラ</t>
    </rPh>
    <rPh sb="7" eb="8">
      <t>モン</t>
    </rPh>
    <rPh sb="9" eb="11">
      <t>チョウメ</t>
    </rPh>
    <phoneticPr fontId="5"/>
  </si>
  <si>
    <t>中小　太郎</t>
    <rPh sb="0" eb="2">
      <t>チュウショウ</t>
    </rPh>
    <rPh sb="3" eb="5">
      <t>タロウ</t>
    </rPh>
    <phoneticPr fontId="5"/>
  </si>
  <si>
    <t>連絡先
（TEL）</t>
    <rPh sb="0" eb="3">
      <t>レンラクサキ</t>
    </rPh>
    <phoneticPr fontId="2"/>
  </si>
  <si>
    <t>○○＠mail.jp</t>
    <phoneticPr fontId="2"/>
  </si>
  <si>
    <t>担当者名</t>
    <rPh sb="0" eb="4">
      <t>タントウシャメイ</t>
    </rPh>
    <phoneticPr fontId="2"/>
  </si>
  <si>
    <t>連絡先
（メール）</t>
    <rPh sb="0" eb="2">
      <t>レンラク</t>
    </rPh>
    <rPh sb="2" eb="3">
      <t>サキ</t>
    </rPh>
    <phoneticPr fontId="2"/>
  </si>
  <si>
    <t>03-1234-5678</t>
    <phoneticPr fontId="5"/>
  </si>
  <si>
    <t>体験プランの内容
（体験プランの内容を
詳細にご記入ください）</t>
    <rPh sb="0" eb="2">
      <t>タイケン</t>
    </rPh>
    <rPh sb="6" eb="8">
      <t>ナイヨウ</t>
    </rPh>
    <rPh sb="10" eb="12">
      <t>タイケン</t>
    </rPh>
    <rPh sb="16" eb="18">
      <t>ナイヨウ</t>
    </rPh>
    <rPh sb="20" eb="22">
      <t>ショウサイ</t>
    </rPh>
    <rPh sb="24" eb="26">
      <t>キニュウ</t>
    </rPh>
    <phoneticPr fontId="2"/>
  </si>
  <si>
    <t>体験施設の概要
（どのような体験施設であるかを
詳細にご記入ください）</t>
    <rPh sb="0" eb="4">
      <t>タイケンシセツ</t>
    </rPh>
    <rPh sb="5" eb="7">
      <t>ガイヨウ</t>
    </rPh>
    <rPh sb="14" eb="16">
      <t>タイケン</t>
    </rPh>
    <rPh sb="16" eb="18">
      <t>シセツ</t>
    </rPh>
    <rPh sb="24" eb="26">
      <t>ショウサイ</t>
    </rPh>
    <rPh sb="28" eb="30">
      <t>キニュウ</t>
    </rPh>
    <phoneticPr fontId="5"/>
  </si>
  <si>
    <t>体験プランの
販売価格</t>
    <rPh sb="0" eb="2">
      <t>タイケン</t>
    </rPh>
    <rPh sb="7" eb="11">
      <t>ハンバイカカク</t>
    </rPh>
    <phoneticPr fontId="2"/>
  </si>
  <si>
    <t>ホームページURL</t>
    <phoneticPr fontId="2"/>
  </si>
  <si>
    <t>・和室10畳
・露天風呂付き客室
・オーシャンビュー　など</t>
    <rPh sb="1" eb="3">
      <t>ワシツ</t>
    </rPh>
    <rPh sb="5" eb="6">
      <t>ジョウ</t>
    </rPh>
    <rPh sb="8" eb="10">
      <t>ロテン</t>
    </rPh>
    <rPh sb="10" eb="16">
      <t>ブロツキキャクシツ</t>
    </rPh>
    <phoneticPr fontId="2"/>
  </si>
  <si>
    <t>オーシャンビューの露天風呂付き客室からは水平線に沈む夕日を眺めることができ、非日常の体験をご提供します。</t>
    <rPh sb="9" eb="13">
      <t>ロテンブロ</t>
    </rPh>
    <rPh sb="13" eb="14">
      <t>ツ</t>
    </rPh>
    <rPh sb="15" eb="17">
      <t>キャクシツ</t>
    </rPh>
    <rPh sb="20" eb="23">
      <t>スイヘイセン</t>
    </rPh>
    <rPh sb="24" eb="25">
      <t>シズ</t>
    </rPh>
    <rPh sb="26" eb="28">
      <t>ユウヒ</t>
    </rPh>
    <rPh sb="29" eb="30">
      <t>ナガ</t>
    </rPh>
    <rPh sb="38" eb="41">
      <t>ヒニチジョウ</t>
    </rPh>
    <rPh sb="42" eb="44">
      <t>タイケン</t>
    </rPh>
    <rPh sb="46" eb="48">
      <t>テイキョウ</t>
    </rPh>
    <phoneticPr fontId="2"/>
  </si>
  <si>
    <t>1泊50,000円</t>
    <rPh sb="1" eb="2">
      <t>ハク</t>
    </rPh>
    <rPh sb="8" eb="9">
      <t>エン</t>
    </rPh>
    <phoneticPr fontId="2"/>
  </si>
  <si>
    <t>貴社本社
所在都道府県</t>
    <rPh sb="0" eb="2">
      <t>キシャ</t>
    </rPh>
    <rPh sb="2" eb="4">
      <t>ホンシャ</t>
    </rPh>
    <rPh sb="5" eb="7">
      <t>ショザイ</t>
    </rPh>
    <rPh sb="7" eb="11">
      <t>トドウフケ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3">
    <font>
      <sz val="11"/>
      <name val="ＭＳ Ｐゴシック"/>
      <family val="3"/>
      <charset val="128"/>
    </font>
    <font>
      <sz val="11"/>
      <color theme="1"/>
      <name val="Yu Gothic"/>
      <family val="2"/>
      <charset val="128"/>
      <scheme val="minor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Yu Gothic"/>
      <family val="2"/>
      <charset val="128"/>
      <scheme val="minor"/>
    </font>
    <font>
      <sz val="11"/>
      <name val="BIZ UDPゴシック"/>
      <family val="3"/>
      <charset val="128"/>
    </font>
    <font>
      <b/>
      <sz val="11"/>
      <name val="BIZ UDPゴシック"/>
      <family val="3"/>
      <charset val="128"/>
    </font>
    <font>
      <sz val="14"/>
      <color theme="1"/>
      <name val="BIZ UDPゴシック"/>
      <family val="3"/>
      <charset val="128"/>
    </font>
    <font>
      <b/>
      <sz val="16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u/>
      <sz val="11"/>
      <color indexed="12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0" fontId="3" fillId="0" borderId="0" applyNumberFormat="0" applyFill="0" applyBorder="0" applyAlignment="0" applyProtection="0">
      <alignment vertical="top"/>
      <protection locked="0"/>
    </xf>
    <xf numFmtId="0" fontId="4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</cellStyleXfs>
  <cellXfs count="29">
    <xf numFmtId="0" fontId="0" fillId="0" borderId="0" xfId="0"/>
    <xf numFmtId="0" fontId="6" fillId="0" borderId="0" xfId="0" applyFont="1"/>
    <xf numFmtId="0" fontId="7" fillId="0" borderId="0" xfId="0" applyFont="1"/>
    <xf numFmtId="0" fontId="9" fillId="0" borderId="0" xfId="0" applyFont="1" applyAlignment="1">
      <alignment horizontal="left" vertical="center" wrapText="1" shrinkToFit="1"/>
    </xf>
    <xf numFmtId="0" fontId="10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0" fontId="11" fillId="0" borderId="0" xfId="0" applyFont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10" fillId="0" borderId="1" xfId="0" applyFont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0" fontId="10" fillId="0" borderId="2" xfId="0" applyFont="1" applyBorder="1" applyAlignment="1">
      <alignment horizontal="left" vertical="center"/>
    </xf>
    <xf numFmtId="0" fontId="10" fillId="0" borderId="4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right" vertical="center" wrapText="1"/>
    </xf>
    <xf numFmtId="0" fontId="10" fillId="2" borderId="4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vertical="center"/>
    </xf>
    <xf numFmtId="0" fontId="10" fillId="2" borderId="4" xfId="0" applyFont="1" applyFill="1" applyBorder="1" applyAlignment="1">
      <alignment horizontal="center" vertical="center" wrapText="1"/>
    </xf>
    <xf numFmtId="0" fontId="10" fillId="2" borderId="3" xfId="0" applyFont="1" applyFill="1" applyBorder="1" applyAlignment="1">
      <alignment horizontal="center" vertical="center"/>
    </xf>
    <xf numFmtId="0" fontId="10" fillId="2" borderId="2" xfId="0" applyFont="1" applyFill="1" applyBorder="1" applyAlignment="1">
      <alignment horizontal="center" vertical="center" wrapText="1"/>
    </xf>
    <xf numFmtId="0" fontId="10" fillId="2" borderId="4" xfId="0" applyFont="1" applyFill="1" applyBorder="1" applyAlignment="1">
      <alignment horizontal="left" vertical="center" wrapText="1"/>
    </xf>
    <xf numFmtId="0" fontId="12" fillId="2" borderId="3" xfId="1" applyFont="1" applyFill="1" applyBorder="1" applyAlignment="1" applyProtection="1">
      <alignment horizontal="center" vertical="center" wrapText="1"/>
    </xf>
    <xf numFmtId="0" fontId="10" fillId="2" borderId="4" xfId="0" applyFont="1" applyFill="1" applyBorder="1" applyAlignment="1">
      <alignment horizontal="right" vertical="center" wrapText="1"/>
    </xf>
    <xf numFmtId="176" fontId="10" fillId="2" borderId="4" xfId="4" applyNumberFormat="1" applyFont="1" applyFill="1" applyBorder="1" applyAlignment="1">
      <alignment horizontal="center" vertical="center" wrapText="1"/>
    </xf>
    <xf numFmtId="0" fontId="12" fillId="0" borderId="3" xfId="1" applyFont="1" applyFill="1" applyBorder="1" applyAlignment="1" applyProtection="1">
      <alignment horizontal="center" vertical="center" wrapText="1"/>
    </xf>
    <xf numFmtId="176" fontId="10" fillId="2" borderId="4" xfId="4" applyNumberFormat="1" applyFont="1" applyFill="1" applyBorder="1" applyAlignment="1">
      <alignment horizontal="left" vertical="center" wrapText="1"/>
    </xf>
    <xf numFmtId="0" fontId="9" fillId="0" borderId="0" xfId="0" applyFont="1" applyAlignment="1">
      <alignment horizontal="center" vertical="center" wrapText="1" shrinkToFit="1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0" fillId="0" borderId="0" xfId="0" applyFont="1" applyAlignment="1">
      <alignment horizontal="center" vertical="center"/>
    </xf>
  </cellXfs>
  <cellStyles count="5">
    <cellStyle name="パーセント" xfId="4" builtinId="5"/>
    <cellStyle name="ハイパーリンク" xfId="1" builtinId="8"/>
    <cellStyle name="桁区切り 2" xfId="3" xr:uid="{00000000-0005-0000-0000-000003000000}"/>
    <cellStyle name="標準" xfId="0" builtinId="0"/>
    <cellStyle name="標準 2" xfId="2" xr:uid="{00000000-0005-0000-0000-000005000000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D8EAF8"/>
      <color rgb="FF124163"/>
      <color rgb="FFFF0000"/>
      <color rgb="FFE7F5D7"/>
      <color rgb="FFB0DD7F"/>
      <color rgb="FFE2F3FA"/>
      <color rgb="FFCCECFF"/>
      <color rgb="FFDEEDEA"/>
      <color rgb="FF36A8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s://&#12295;&#12295;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O15"/>
  <sheetViews>
    <sheetView tabSelected="1" zoomScale="80" zoomScaleNormal="80" workbookViewId="0">
      <selection activeCell="G4" sqref="G4"/>
    </sheetView>
  </sheetViews>
  <sheetFormatPr defaultColWidth="8.08984375" defaultRowHeight="13"/>
  <cols>
    <col min="1" max="1" width="4.08984375" style="4" customWidth="1"/>
    <col min="2" max="2" width="15.1796875" style="4" customWidth="1"/>
    <col min="3" max="3" width="13.90625" style="4" customWidth="1"/>
    <col min="4" max="4" width="15.1796875" style="4" customWidth="1"/>
    <col min="5" max="5" width="19.36328125" style="4" customWidth="1"/>
    <col min="6" max="6" width="17.453125" style="4" bestFit="1" customWidth="1"/>
    <col min="7" max="7" width="20.26953125" style="4" customWidth="1"/>
    <col min="8" max="8" width="17.36328125" style="4" customWidth="1"/>
    <col min="9" max="9" width="20.54296875" style="4" customWidth="1"/>
    <col min="10" max="11" width="32.6328125" style="4" customWidth="1"/>
    <col min="12" max="12" width="19.36328125" style="4" customWidth="1"/>
    <col min="13" max="13" width="4.08984375" style="4" customWidth="1"/>
    <col min="14" max="14" width="5.08984375" style="4" customWidth="1"/>
    <col min="15" max="254" width="8.08984375" style="4"/>
    <col min="255" max="255" width="4" style="4" customWidth="1"/>
    <col min="256" max="256" width="4.08984375" style="4" customWidth="1"/>
    <col min="257" max="257" width="12.08984375" style="4" customWidth="1"/>
    <col min="258" max="258" width="17.08984375" style="4" customWidth="1"/>
    <col min="259" max="259" width="8.36328125" style="4" customWidth="1"/>
    <col min="260" max="260" width="13" style="4" customWidth="1"/>
    <col min="261" max="261" width="2.36328125" style="4" customWidth="1"/>
    <col min="262" max="262" width="23.08984375" style="4" customWidth="1"/>
    <col min="263" max="267" width="8.6328125" style="4" customWidth="1"/>
    <col min="268" max="268" width="22.08984375" style="4" customWidth="1"/>
    <col min="269" max="269" width="4.08984375" style="4" customWidth="1"/>
    <col min="270" max="270" width="5.08984375" style="4" customWidth="1"/>
    <col min="271" max="510" width="8.08984375" style="4"/>
    <col min="511" max="511" width="4" style="4" customWidth="1"/>
    <col min="512" max="512" width="4.08984375" style="4" customWidth="1"/>
    <col min="513" max="513" width="12.08984375" style="4" customWidth="1"/>
    <col min="514" max="514" width="17.08984375" style="4" customWidth="1"/>
    <col min="515" max="515" width="8.36328125" style="4" customWidth="1"/>
    <col min="516" max="516" width="13" style="4" customWidth="1"/>
    <col min="517" max="517" width="2.36328125" style="4" customWidth="1"/>
    <col min="518" max="518" width="23.08984375" style="4" customWidth="1"/>
    <col min="519" max="523" width="8.6328125" style="4" customWidth="1"/>
    <col min="524" max="524" width="22.08984375" style="4" customWidth="1"/>
    <col min="525" max="525" width="4.08984375" style="4" customWidth="1"/>
    <col min="526" max="526" width="5.08984375" style="4" customWidth="1"/>
    <col min="527" max="766" width="8.08984375" style="4"/>
    <col min="767" max="767" width="4" style="4" customWidth="1"/>
    <col min="768" max="768" width="4.08984375" style="4" customWidth="1"/>
    <col min="769" max="769" width="12.08984375" style="4" customWidth="1"/>
    <col min="770" max="770" width="17.08984375" style="4" customWidth="1"/>
    <col min="771" max="771" width="8.36328125" style="4" customWidth="1"/>
    <col min="772" max="772" width="13" style="4" customWidth="1"/>
    <col min="773" max="773" width="2.36328125" style="4" customWidth="1"/>
    <col min="774" max="774" width="23.08984375" style="4" customWidth="1"/>
    <col min="775" max="779" width="8.6328125" style="4" customWidth="1"/>
    <col min="780" max="780" width="22.08984375" style="4" customWidth="1"/>
    <col min="781" max="781" width="4.08984375" style="4" customWidth="1"/>
    <col min="782" max="782" width="5.08984375" style="4" customWidth="1"/>
    <col min="783" max="1022" width="8.08984375" style="4"/>
    <col min="1023" max="1023" width="4" style="4" customWidth="1"/>
    <col min="1024" max="1024" width="4.08984375" style="4" customWidth="1"/>
    <col min="1025" max="1025" width="12.08984375" style="4" customWidth="1"/>
    <col min="1026" max="1026" width="17.08984375" style="4" customWidth="1"/>
    <col min="1027" max="1027" width="8.36328125" style="4" customWidth="1"/>
    <col min="1028" max="1028" width="13" style="4" customWidth="1"/>
    <col min="1029" max="1029" width="2.36328125" style="4" customWidth="1"/>
    <col min="1030" max="1030" width="23.08984375" style="4" customWidth="1"/>
    <col min="1031" max="1035" width="8.6328125" style="4" customWidth="1"/>
    <col min="1036" max="1036" width="22.08984375" style="4" customWidth="1"/>
    <col min="1037" max="1037" width="4.08984375" style="4" customWidth="1"/>
    <col min="1038" max="1038" width="5.08984375" style="4" customWidth="1"/>
    <col min="1039" max="1278" width="8.08984375" style="4"/>
    <col min="1279" max="1279" width="4" style="4" customWidth="1"/>
    <col min="1280" max="1280" width="4.08984375" style="4" customWidth="1"/>
    <col min="1281" max="1281" width="12.08984375" style="4" customWidth="1"/>
    <col min="1282" max="1282" width="17.08984375" style="4" customWidth="1"/>
    <col min="1283" max="1283" width="8.36328125" style="4" customWidth="1"/>
    <col min="1284" max="1284" width="13" style="4" customWidth="1"/>
    <col min="1285" max="1285" width="2.36328125" style="4" customWidth="1"/>
    <col min="1286" max="1286" width="23.08984375" style="4" customWidth="1"/>
    <col min="1287" max="1291" width="8.6328125" style="4" customWidth="1"/>
    <col min="1292" max="1292" width="22.08984375" style="4" customWidth="1"/>
    <col min="1293" max="1293" width="4.08984375" style="4" customWidth="1"/>
    <col min="1294" max="1294" width="5.08984375" style="4" customWidth="1"/>
    <col min="1295" max="1534" width="8.08984375" style="4"/>
    <col min="1535" max="1535" width="4" style="4" customWidth="1"/>
    <col min="1536" max="1536" width="4.08984375" style="4" customWidth="1"/>
    <col min="1537" max="1537" width="12.08984375" style="4" customWidth="1"/>
    <col min="1538" max="1538" width="17.08984375" style="4" customWidth="1"/>
    <col min="1539" max="1539" width="8.36328125" style="4" customWidth="1"/>
    <col min="1540" max="1540" width="13" style="4" customWidth="1"/>
    <col min="1541" max="1541" width="2.36328125" style="4" customWidth="1"/>
    <col min="1542" max="1542" width="23.08984375" style="4" customWidth="1"/>
    <col min="1543" max="1547" width="8.6328125" style="4" customWidth="1"/>
    <col min="1548" max="1548" width="22.08984375" style="4" customWidth="1"/>
    <col min="1549" max="1549" width="4.08984375" style="4" customWidth="1"/>
    <col min="1550" max="1550" width="5.08984375" style="4" customWidth="1"/>
    <col min="1551" max="1790" width="8.08984375" style="4"/>
    <col min="1791" max="1791" width="4" style="4" customWidth="1"/>
    <col min="1792" max="1792" width="4.08984375" style="4" customWidth="1"/>
    <col min="1793" max="1793" width="12.08984375" style="4" customWidth="1"/>
    <col min="1794" max="1794" width="17.08984375" style="4" customWidth="1"/>
    <col min="1795" max="1795" width="8.36328125" style="4" customWidth="1"/>
    <col min="1796" max="1796" width="13" style="4" customWidth="1"/>
    <col min="1797" max="1797" width="2.36328125" style="4" customWidth="1"/>
    <col min="1798" max="1798" width="23.08984375" style="4" customWidth="1"/>
    <col min="1799" max="1803" width="8.6328125" style="4" customWidth="1"/>
    <col min="1804" max="1804" width="22.08984375" style="4" customWidth="1"/>
    <col min="1805" max="1805" width="4.08984375" style="4" customWidth="1"/>
    <col min="1806" max="1806" width="5.08984375" style="4" customWidth="1"/>
    <col min="1807" max="2046" width="8.08984375" style="4"/>
    <col min="2047" max="2047" width="4" style="4" customWidth="1"/>
    <col min="2048" max="2048" width="4.08984375" style="4" customWidth="1"/>
    <col min="2049" max="2049" width="12.08984375" style="4" customWidth="1"/>
    <col min="2050" max="2050" width="17.08984375" style="4" customWidth="1"/>
    <col min="2051" max="2051" width="8.36328125" style="4" customWidth="1"/>
    <col min="2052" max="2052" width="13" style="4" customWidth="1"/>
    <col min="2053" max="2053" width="2.36328125" style="4" customWidth="1"/>
    <col min="2054" max="2054" width="23.08984375" style="4" customWidth="1"/>
    <col min="2055" max="2059" width="8.6328125" style="4" customWidth="1"/>
    <col min="2060" max="2060" width="22.08984375" style="4" customWidth="1"/>
    <col min="2061" max="2061" width="4.08984375" style="4" customWidth="1"/>
    <col min="2062" max="2062" width="5.08984375" style="4" customWidth="1"/>
    <col min="2063" max="2302" width="8.08984375" style="4"/>
    <col min="2303" max="2303" width="4" style="4" customWidth="1"/>
    <col min="2304" max="2304" width="4.08984375" style="4" customWidth="1"/>
    <col min="2305" max="2305" width="12.08984375" style="4" customWidth="1"/>
    <col min="2306" max="2306" width="17.08984375" style="4" customWidth="1"/>
    <col min="2307" max="2307" width="8.36328125" style="4" customWidth="1"/>
    <col min="2308" max="2308" width="13" style="4" customWidth="1"/>
    <col min="2309" max="2309" width="2.36328125" style="4" customWidth="1"/>
    <col min="2310" max="2310" width="23.08984375" style="4" customWidth="1"/>
    <col min="2311" max="2315" width="8.6328125" style="4" customWidth="1"/>
    <col min="2316" max="2316" width="22.08984375" style="4" customWidth="1"/>
    <col min="2317" max="2317" width="4.08984375" style="4" customWidth="1"/>
    <col min="2318" max="2318" width="5.08984375" style="4" customWidth="1"/>
    <col min="2319" max="2558" width="8.08984375" style="4"/>
    <col min="2559" max="2559" width="4" style="4" customWidth="1"/>
    <col min="2560" max="2560" width="4.08984375" style="4" customWidth="1"/>
    <col min="2561" max="2561" width="12.08984375" style="4" customWidth="1"/>
    <col min="2562" max="2562" width="17.08984375" style="4" customWidth="1"/>
    <col min="2563" max="2563" width="8.36328125" style="4" customWidth="1"/>
    <col min="2564" max="2564" width="13" style="4" customWidth="1"/>
    <col min="2565" max="2565" width="2.36328125" style="4" customWidth="1"/>
    <col min="2566" max="2566" width="23.08984375" style="4" customWidth="1"/>
    <col min="2567" max="2571" width="8.6328125" style="4" customWidth="1"/>
    <col min="2572" max="2572" width="22.08984375" style="4" customWidth="1"/>
    <col min="2573" max="2573" width="4.08984375" style="4" customWidth="1"/>
    <col min="2574" max="2574" width="5.08984375" style="4" customWidth="1"/>
    <col min="2575" max="2814" width="8.08984375" style="4"/>
    <col min="2815" max="2815" width="4" style="4" customWidth="1"/>
    <col min="2816" max="2816" width="4.08984375" style="4" customWidth="1"/>
    <col min="2817" max="2817" width="12.08984375" style="4" customWidth="1"/>
    <col min="2818" max="2818" width="17.08984375" style="4" customWidth="1"/>
    <col min="2819" max="2819" width="8.36328125" style="4" customWidth="1"/>
    <col min="2820" max="2820" width="13" style="4" customWidth="1"/>
    <col min="2821" max="2821" width="2.36328125" style="4" customWidth="1"/>
    <col min="2822" max="2822" width="23.08984375" style="4" customWidth="1"/>
    <col min="2823" max="2827" width="8.6328125" style="4" customWidth="1"/>
    <col min="2828" max="2828" width="22.08984375" style="4" customWidth="1"/>
    <col min="2829" max="2829" width="4.08984375" style="4" customWidth="1"/>
    <col min="2830" max="2830" width="5.08984375" style="4" customWidth="1"/>
    <col min="2831" max="3070" width="8.08984375" style="4"/>
    <col min="3071" max="3071" width="4" style="4" customWidth="1"/>
    <col min="3072" max="3072" width="4.08984375" style="4" customWidth="1"/>
    <col min="3073" max="3073" width="12.08984375" style="4" customWidth="1"/>
    <col min="3074" max="3074" width="17.08984375" style="4" customWidth="1"/>
    <col min="3075" max="3075" width="8.36328125" style="4" customWidth="1"/>
    <col min="3076" max="3076" width="13" style="4" customWidth="1"/>
    <col min="3077" max="3077" width="2.36328125" style="4" customWidth="1"/>
    <col min="3078" max="3078" width="23.08984375" style="4" customWidth="1"/>
    <col min="3079" max="3083" width="8.6328125" style="4" customWidth="1"/>
    <col min="3084" max="3084" width="22.08984375" style="4" customWidth="1"/>
    <col min="3085" max="3085" width="4.08984375" style="4" customWidth="1"/>
    <col min="3086" max="3086" width="5.08984375" style="4" customWidth="1"/>
    <col min="3087" max="3326" width="8.08984375" style="4"/>
    <col min="3327" max="3327" width="4" style="4" customWidth="1"/>
    <col min="3328" max="3328" width="4.08984375" style="4" customWidth="1"/>
    <col min="3329" max="3329" width="12.08984375" style="4" customWidth="1"/>
    <col min="3330" max="3330" width="17.08984375" style="4" customWidth="1"/>
    <col min="3331" max="3331" width="8.36328125" style="4" customWidth="1"/>
    <col min="3332" max="3332" width="13" style="4" customWidth="1"/>
    <col min="3333" max="3333" width="2.36328125" style="4" customWidth="1"/>
    <col min="3334" max="3334" width="23.08984375" style="4" customWidth="1"/>
    <col min="3335" max="3339" width="8.6328125" style="4" customWidth="1"/>
    <col min="3340" max="3340" width="22.08984375" style="4" customWidth="1"/>
    <col min="3341" max="3341" width="4.08984375" style="4" customWidth="1"/>
    <col min="3342" max="3342" width="5.08984375" style="4" customWidth="1"/>
    <col min="3343" max="3582" width="8.08984375" style="4"/>
    <col min="3583" max="3583" width="4" style="4" customWidth="1"/>
    <col min="3584" max="3584" width="4.08984375" style="4" customWidth="1"/>
    <col min="3585" max="3585" width="12.08984375" style="4" customWidth="1"/>
    <col min="3586" max="3586" width="17.08984375" style="4" customWidth="1"/>
    <col min="3587" max="3587" width="8.36328125" style="4" customWidth="1"/>
    <col min="3588" max="3588" width="13" style="4" customWidth="1"/>
    <col min="3589" max="3589" width="2.36328125" style="4" customWidth="1"/>
    <col min="3590" max="3590" width="23.08984375" style="4" customWidth="1"/>
    <col min="3591" max="3595" width="8.6328125" style="4" customWidth="1"/>
    <col min="3596" max="3596" width="22.08984375" style="4" customWidth="1"/>
    <col min="3597" max="3597" width="4.08984375" style="4" customWidth="1"/>
    <col min="3598" max="3598" width="5.08984375" style="4" customWidth="1"/>
    <col min="3599" max="3838" width="8.08984375" style="4"/>
    <col min="3839" max="3839" width="4" style="4" customWidth="1"/>
    <col min="3840" max="3840" width="4.08984375" style="4" customWidth="1"/>
    <col min="3841" max="3841" width="12.08984375" style="4" customWidth="1"/>
    <col min="3842" max="3842" width="17.08984375" style="4" customWidth="1"/>
    <col min="3843" max="3843" width="8.36328125" style="4" customWidth="1"/>
    <col min="3844" max="3844" width="13" style="4" customWidth="1"/>
    <col min="3845" max="3845" width="2.36328125" style="4" customWidth="1"/>
    <col min="3846" max="3846" width="23.08984375" style="4" customWidth="1"/>
    <col min="3847" max="3851" width="8.6328125" style="4" customWidth="1"/>
    <col min="3852" max="3852" width="22.08984375" style="4" customWidth="1"/>
    <col min="3853" max="3853" width="4.08984375" style="4" customWidth="1"/>
    <col min="3854" max="3854" width="5.08984375" style="4" customWidth="1"/>
    <col min="3855" max="4094" width="8.08984375" style="4"/>
    <col min="4095" max="4095" width="4" style="4" customWidth="1"/>
    <col min="4096" max="4096" width="4.08984375" style="4" customWidth="1"/>
    <col min="4097" max="4097" width="12.08984375" style="4" customWidth="1"/>
    <col min="4098" max="4098" width="17.08984375" style="4" customWidth="1"/>
    <col min="4099" max="4099" width="8.36328125" style="4" customWidth="1"/>
    <col min="4100" max="4100" width="13" style="4" customWidth="1"/>
    <col min="4101" max="4101" width="2.36328125" style="4" customWidth="1"/>
    <col min="4102" max="4102" width="23.08984375" style="4" customWidth="1"/>
    <col min="4103" max="4107" width="8.6328125" style="4" customWidth="1"/>
    <col min="4108" max="4108" width="22.08984375" style="4" customWidth="1"/>
    <col min="4109" max="4109" width="4.08984375" style="4" customWidth="1"/>
    <col min="4110" max="4110" width="5.08984375" style="4" customWidth="1"/>
    <col min="4111" max="4350" width="8.08984375" style="4"/>
    <col min="4351" max="4351" width="4" style="4" customWidth="1"/>
    <col min="4352" max="4352" width="4.08984375" style="4" customWidth="1"/>
    <col min="4353" max="4353" width="12.08984375" style="4" customWidth="1"/>
    <col min="4354" max="4354" width="17.08984375" style="4" customWidth="1"/>
    <col min="4355" max="4355" width="8.36328125" style="4" customWidth="1"/>
    <col min="4356" max="4356" width="13" style="4" customWidth="1"/>
    <col min="4357" max="4357" width="2.36328125" style="4" customWidth="1"/>
    <col min="4358" max="4358" width="23.08984375" style="4" customWidth="1"/>
    <col min="4359" max="4363" width="8.6328125" style="4" customWidth="1"/>
    <col min="4364" max="4364" width="22.08984375" style="4" customWidth="1"/>
    <col min="4365" max="4365" width="4.08984375" style="4" customWidth="1"/>
    <col min="4366" max="4366" width="5.08984375" style="4" customWidth="1"/>
    <col min="4367" max="4606" width="8.08984375" style="4"/>
    <col min="4607" max="4607" width="4" style="4" customWidth="1"/>
    <col min="4608" max="4608" width="4.08984375" style="4" customWidth="1"/>
    <col min="4609" max="4609" width="12.08984375" style="4" customWidth="1"/>
    <col min="4610" max="4610" width="17.08984375" style="4" customWidth="1"/>
    <col min="4611" max="4611" width="8.36328125" style="4" customWidth="1"/>
    <col min="4612" max="4612" width="13" style="4" customWidth="1"/>
    <col min="4613" max="4613" width="2.36328125" style="4" customWidth="1"/>
    <col min="4614" max="4614" width="23.08984375" style="4" customWidth="1"/>
    <col min="4615" max="4619" width="8.6328125" style="4" customWidth="1"/>
    <col min="4620" max="4620" width="22.08984375" style="4" customWidth="1"/>
    <col min="4621" max="4621" width="4.08984375" style="4" customWidth="1"/>
    <col min="4622" max="4622" width="5.08984375" style="4" customWidth="1"/>
    <col min="4623" max="4862" width="8.08984375" style="4"/>
    <col min="4863" max="4863" width="4" style="4" customWidth="1"/>
    <col min="4864" max="4864" width="4.08984375" style="4" customWidth="1"/>
    <col min="4865" max="4865" width="12.08984375" style="4" customWidth="1"/>
    <col min="4866" max="4866" width="17.08984375" style="4" customWidth="1"/>
    <col min="4867" max="4867" width="8.36328125" style="4" customWidth="1"/>
    <col min="4868" max="4868" width="13" style="4" customWidth="1"/>
    <col min="4869" max="4869" width="2.36328125" style="4" customWidth="1"/>
    <col min="4870" max="4870" width="23.08984375" style="4" customWidth="1"/>
    <col min="4871" max="4875" width="8.6328125" style="4" customWidth="1"/>
    <col min="4876" max="4876" width="22.08984375" style="4" customWidth="1"/>
    <col min="4877" max="4877" width="4.08984375" style="4" customWidth="1"/>
    <col min="4878" max="4878" width="5.08984375" style="4" customWidth="1"/>
    <col min="4879" max="5118" width="8.08984375" style="4"/>
    <col min="5119" max="5119" width="4" style="4" customWidth="1"/>
    <col min="5120" max="5120" width="4.08984375" style="4" customWidth="1"/>
    <col min="5121" max="5121" width="12.08984375" style="4" customWidth="1"/>
    <col min="5122" max="5122" width="17.08984375" style="4" customWidth="1"/>
    <col min="5123" max="5123" width="8.36328125" style="4" customWidth="1"/>
    <col min="5124" max="5124" width="13" style="4" customWidth="1"/>
    <col min="5125" max="5125" width="2.36328125" style="4" customWidth="1"/>
    <col min="5126" max="5126" width="23.08984375" style="4" customWidth="1"/>
    <col min="5127" max="5131" width="8.6328125" style="4" customWidth="1"/>
    <col min="5132" max="5132" width="22.08984375" style="4" customWidth="1"/>
    <col min="5133" max="5133" width="4.08984375" style="4" customWidth="1"/>
    <col min="5134" max="5134" width="5.08984375" style="4" customWidth="1"/>
    <col min="5135" max="5374" width="8.08984375" style="4"/>
    <col min="5375" max="5375" width="4" style="4" customWidth="1"/>
    <col min="5376" max="5376" width="4.08984375" style="4" customWidth="1"/>
    <col min="5377" max="5377" width="12.08984375" style="4" customWidth="1"/>
    <col min="5378" max="5378" width="17.08984375" style="4" customWidth="1"/>
    <col min="5379" max="5379" width="8.36328125" style="4" customWidth="1"/>
    <col min="5380" max="5380" width="13" style="4" customWidth="1"/>
    <col min="5381" max="5381" width="2.36328125" style="4" customWidth="1"/>
    <col min="5382" max="5382" width="23.08984375" style="4" customWidth="1"/>
    <col min="5383" max="5387" width="8.6328125" style="4" customWidth="1"/>
    <col min="5388" max="5388" width="22.08984375" style="4" customWidth="1"/>
    <col min="5389" max="5389" width="4.08984375" style="4" customWidth="1"/>
    <col min="5390" max="5390" width="5.08984375" style="4" customWidth="1"/>
    <col min="5391" max="5630" width="8.08984375" style="4"/>
    <col min="5631" max="5631" width="4" style="4" customWidth="1"/>
    <col min="5632" max="5632" width="4.08984375" style="4" customWidth="1"/>
    <col min="5633" max="5633" width="12.08984375" style="4" customWidth="1"/>
    <col min="5634" max="5634" width="17.08984375" style="4" customWidth="1"/>
    <col min="5635" max="5635" width="8.36328125" style="4" customWidth="1"/>
    <col min="5636" max="5636" width="13" style="4" customWidth="1"/>
    <col min="5637" max="5637" width="2.36328125" style="4" customWidth="1"/>
    <col min="5638" max="5638" width="23.08984375" style="4" customWidth="1"/>
    <col min="5639" max="5643" width="8.6328125" style="4" customWidth="1"/>
    <col min="5644" max="5644" width="22.08984375" style="4" customWidth="1"/>
    <col min="5645" max="5645" width="4.08984375" style="4" customWidth="1"/>
    <col min="5646" max="5646" width="5.08984375" style="4" customWidth="1"/>
    <col min="5647" max="5886" width="8.08984375" style="4"/>
    <col min="5887" max="5887" width="4" style="4" customWidth="1"/>
    <col min="5888" max="5888" width="4.08984375" style="4" customWidth="1"/>
    <col min="5889" max="5889" width="12.08984375" style="4" customWidth="1"/>
    <col min="5890" max="5890" width="17.08984375" style="4" customWidth="1"/>
    <col min="5891" max="5891" width="8.36328125" style="4" customWidth="1"/>
    <col min="5892" max="5892" width="13" style="4" customWidth="1"/>
    <col min="5893" max="5893" width="2.36328125" style="4" customWidth="1"/>
    <col min="5894" max="5894" width="23.08984375" style="4" customWidth="1"/>
    <col min="5895" max="5899" width="8.6328125" style="4" customWidth="1"/>
    <col min="5900" max="5900" width="22.08984375" style="4" customWidth="1"/>
    <col min="5901" max="5901" width="4.08984375" style="4" customWidth="1"/>
    <col min="5902" max="5902" width="5.08984375" style="4" customWidth="1"/>
    <col min="5903" max="6142" width="8.08984375" style="4"/>
    <col min="6143" max="6143" width="4" style="4" customWidth="1"/>
    <col min="6144" max="6144" width="4.08984375" style="4" customWidth="1"/>
    <col min="6145" max="6145" width="12.08984375" style="4" customWidth="1"/>
    <col min="6146" max="6146" width="17.08984375" style="4" customWidth="1"/>
    <col min="6147" max="6147" width="8.36328125" style="4" customWidth="1"/>
    <col min="6148" max="6148" width="13" style="4" customWidth="1"/>
    <col min="6149" max="6149" width="2.36328125" style="4" customWidth="1"/>
    <col min="6150" max="6150" width="23.08984375" style="4" customWidth="1"/>
    <col min="6151" max="6155" width="8.6328125" style="4" customWidth="1"/>
    <col min="6156" max="6156" width="22.08984375" style="4" customWidth="1"/>
    <col min="6157" max="6157" width="4.08984375" style="4" customWidth="1"/>
    <col min="6158" max="6158" width="5.08984375" style="4" customWidth="1"/>
    <col min="6159" max="6398" width="8.08984375" style="4"/>
    <col min="6399" max="6399" width="4" style="4" customWidth="1"/>
    <col min="6400" max="6400" width="4.08984375" style="4" customWidth="1"/>
    <col min="6401" max="6401" width="12.08984375" style="4" customWidth="1"/>
    <col min="6402" max="6402" width="17.08984375" style="4" customWidth="1"/>
    <col min="6403" max="6403" width="8.36328125" style="4" customWidth="1"/>
    <col min="6404" max="6404" width="13" style="4" customWidth="1"/>
    <col min="6405" max="6405" width="2.36328125" style="4" customWidth="1"/>
    <col min="6406" max="6406" width="23.08984375" style="4" customWidth="1"/>
    <col min="6407" max="6411" width="8.6328125" style="4" customWidth="1"/>
    <col min="6412" max="6412" width="22.08984375" style="4" customWidth="1"/>
    <col min="6413" max="6413" width="4.08984375" style="4" customWidth="1"/>
    <col min="6414" max="6414" width="5.08984375" style="4" customWidth="1"/>
    <col min="6415" max="6654" width="8.08984375" style="4"/>
    <col min="6655" max="6655" width="4" style="4" customWidth="1"/>
    <col min="6656" max="6656" width="4.08984375" style="4" customWidth="1"/>
    <col min="6657" max="6657" width="12.08984375" style="4" customWidth="1"/>
    <col min="6658" max="6658" width="17.08984375" style="4" customWidth="1"/>
    <col min="6659" max="6659" width="8.36328125" style="4" customWidth="1"/>
    <col min="6660" max="6660" width="13" style="4" customWidth="1"/>
    <col min="6661" max="6661" width="2.36328125" style="4" customWidth="1"/>
    <col min="6662" max="6662" width="23.08984375" style="4" customWidth="1"/>
    <col min="6663" max="6667" width="8.6328125" style="4" customWidth="1"/>
    <col min="6668" max="6668" width="22.08984375" style="4" customWidth="1"/>
    <col min="6669" max="6669" width="4.08984375" style="4" customWidth="1"/>
    <col min="6670" max="6670" width="5.08984375" style="4" customWidth="1"/>
    <col min="6671" max="6910" width="8.08984375" style="4"/>
    <col min="6911" max="6911" width="4" style="4" customWidth="1"/>
    <col min="6912" max="6912" width="4.08984375" style="4" customWidth="1"/>
    <col min="6913" max="6913" width="12.08984375" style="4" customWidth="1"/>
    <col min="6914" max="6914" width="17.08984375" style="4" customWidth="1"/>
    <col min="6915" max="6915" width="8.36328125" style="4" customWidth="1"/>
    <col min="6916" max="6916" width="13" style="4" customWidth="1"/>
    <col min="6917" max="6917" width="2.36328125" style="4" customWidth="1"/>
    <col min="6918" max="6918" width="23.08984375" style="4" customWidth="1"/>
    <col min="6919" max="6923" width="8.6328125" style="4" customWidth="1"/>
    <col min="6924" max="6924" width="22.08984375" style="4" customWidth="1"/>
    <col min="6925" max="6925" width="4.08984375" style="4" customWidth="1"/>
    <col min="6926" max="6926" width="5.08984375" style="4" customWidth="1"/>
    <col min="6927" max="7166" width="8.08984375" style="4"/>
    <col min="7167" max="7167" width="4" style="4" customWidth="1"/>
    <col min="7168" max="7168" width="4.08984375" style="4" customWidth="1"/>
    <col min="7169" max="7169" width="12.08984375" style="4" customWidth="1"/>
    <col min="7170" max="7170" width="17.08984375" style="4" customWidth="1"/>
    <col min="7171" max="7171" width="8.36328125" style="4" customWidth="1"/>
    <col min="7172" max="7172" width="13" style="4" customWidth="1"/>
    <col min="7173" max="7173" width="2.36328125" style="4" customWidth="1"/>
    <col min="7174" max="7174" width="23.08984375" style="4" customWidth="1"/>
    <col min="7175" max="7179" width="8.6328125" style="4" customWidth="1"/>
    <col min="7180" max="7180" width="22.08984375" style="4" customWidth="1"/>
    <col min="7181" max="7181" width="4.08984375" style="4" customWidth="1"/>
    <col min="7182" max="7182" width="5.08984375" style="4" customWidth="1"/>
    <col min="7183" max="7422" width="8.08984375" style="4"/>
    <col min="7423" max="7423" width="4" style="4" customWidth="1"/>
    <col min="7424" max="7424" width="4.08984375" style="4" customWidth="1"/>
    <col min="7425" max="7425" width="12.08984375" style="4" customWidth="1"/>
    <col min="7426" max="7426" width="17.08984375" style="4" customWidth="1"/>
    <col min="7427" max="7427" width="8.36328125" style="4" customWidth="1"/>
    <col min="7428" max="7428" width="13" style="4" customWidth="1"/>
    <col min="7429" max="7429" width="2.36328125" style="4" customWidth="1"/>
    <col min="7430" max="7430" width="23.08984375" style="4" customWidth="1"/>
    <col min="7431" max="7435" width="8.6328125" style="4" customWidth="1"/>
    <col min="7436" max="7436" width="22.08984375" style="4" customWidth="1"/>
    <col min="7437" max="7437" width="4.08984375" style="4" customWidth="1"/>
    <col min="7438" max="7438" width="5.08984375" style="4" customWidth="1"/>
    <col min="7439" max="7678" width="8.08984375" style="4"/>
    <col min="7679" max="7679" width="4" style="4" customWidth="1"/>
    <col min="7680" max="7680" width="4.08984375" style="4" customWidth="1"/>
    <col min="7681" max="7681" width="12.08984375" style="4" customWidth="1"/>
    <col min="7682" max="7682" width="17.08984375" style="4" customWidth="1"/>
    <col min="7683" max="7683" width="8.36328125" style="4" customWidth="1"/>
    <col min="7684" max="7684" width="13" style="4" customWidth="1"/>
    <col min="7685" max="7685" width="2.36328125" style="4" customWidth="1"/>
    <col min="7686" max="7686" width="23.08984375" style="4" customWidth="1"/>
    <col min="7687" max="7691" width="8.6328125" style="4" customWidth="1"/>
    <col min="7692" max="7692" width="22.08984375" style="4" customWidth="1"/>
    <col min="7693" max="7693" width="4.08984375" style="4" customWidth="1"/>
    <col min="7694" max="7694" width="5.08984375" style="4" customWidth="1"/>
    <col min="7695" max="7934" width="8.08984375" style="4"/>
    <col min="7935" max="7935" width="4" style="4" customWidth="1"/>
    <col min="7936" max="7936" width="4.08984375" style="4" customWidth="1"/>
    <col min="7937" max="7937" width="12.08984375" style="4" customWidth="1"/>
    <col min="7938" max="7938" width="17.08984375" style="4" customWidth="1"/>
    <col min="7939" max="7939" width="8.36328125" style="4" customWidth="1"/>
    <col min="7940" max="7940" width="13" style="4" customWidth="1"/>
    <col min="7941" max="7941" width="2.36328125" style="4" customWidth="1"/>
    <col min="7942" max="7942" width="23.08984375" style="4" customWidth="1"/>
    <col min="7943" max="7947" width="8.6328125" style="4" customWidth="1"/>
    <col min="7948" max="7948" width="22.08984375" style="4" customWidth="1"/>
    <col min="7949" max="7949" width="4.08984375" style="4" customWidth="1"/>
    <col min="7950" max="7950" width="5.08984375" style="4" customWidth="1"/>
    <col min="7951" max="8190" width="8.08984375" style="4"/>
    <col min="8191" max="8191" width="4" style="4" customWidth="1"/>
    <col min="8192" max="8192" width="4.08984375" style="4" customWidth="1"/>
    <col min="8193" max="8193" width="12.08984375" style="4" customWidth="1"/>
    <col min="8194" max="8194" width="17.08984375" style="4" customWidth="1"/>
    <col min="8195" max="8195" width="8.36328125" style="4" customWidth="1"/>
    <col min="8196" max="8196" width="13" style="4" customWidth="1"/>
    <col min="8197" max="8197" width="2.36328125" style="4" customWidth="1"/>
    <col min="8198" max="8198" width="23.08984375" style="4" customWidth="1"/>
    <col min="8199" max="8203" width="8.6328125" style="4" customWidth="1"/>
    <col min="8204" max="8204" width="22.08984375" style="4" customWidth="1"/>
    <col min="8205" max="8205" width="4.08984375" style="4" customWidth="1"/>
    <col min="8206" max="8206" width="5.08984375" style="4" customWidth="1"/>
    <col min="8207" max="8446" width="8.08984375" style="4"/>
    <col min="8447" max="8447" width="4" style="4" customWidth="1"/>
    <col min="8448" max="8448" width="4.08984375" style="4" customWidth="1"/>
    <col min="8449" max="8449" width="12.08984375" style="4" customWidth="1"/>
    <col min="8450" max="8450" width="17.08984375" style="4" customWidth="1"/>
    <col min="8451" max="8451" width="8.36328125" style="4" customWidth="1"/>
    <col min="8452" max="8452" width="13" style="4" customWidth="1"/>
    <col min="8453" max="8453" width="2.36328125" style="4" customWidth="1"/>
    <col min="8454" max="8454" width="23.08984375" style="4" customWidth="1"/>
    <col min="8455" max="8459" width="8.6328125" style="4" customWidth="1"/>
    <col min="8460" max="8460" width="22.08984375" style="4" customWidth="1"/>
    <col min="8461" max="8461" width="4.08984375" style="4" customWidth="1"/>
    <col min="8462" max="8462" width="5.08984375" style="4" customWidth="1"/>
    <col min="8463" max="8702" width="8.08984375" style="4"/>
    <col min="8703" max="8703" width="4" style="4" customWidth="1"/>
    <col min="8704" max="8704" width="4.08984375" style="4" customWidth="1"/>
    <col min="8705" max="8705" width="12.08984375" style="4" customWidth="1"/>
    <col min="8706" max="8706" width="17.08984375" style="4" customWidth="1"/>
    <col min="8707" max="8707" width="8.36328125" style="4" customWidth="1"/>
    <col min="8708" max="8708" width="13" style="4" customWidth="1"/>
    <col min="8709" max="8709" width="2.36328125" style="4" customWidth="1"/>
    <col min="8710" max="8710" width="23.08984375" style="4" customWidth="1"/>
    <col min="8711" max="8715" width="8.6328125" style="4" customWidth="1"/>
    <col min="8716" max="8716" width="22.08984375" style="4" customWidth="1"/>
    <col min="8717" max="8717" width="4.08984375" style="4" customWidth="1"/>
    <col min="8718" max="8718" width="5.08984375" style="4" customWidth="1"/>
    <col min="8719" max="8958" width="8.08984375" style="4"/>
    <col min="8959" max="8959" width="4" style="4" customWidth="1"/>
    <col min="8960" max="8960" width="4.08984375" style="4" customWidth="1"/>
    <col min="8961" max="8961" width="12.08984375" style="4" customWidth="1"/>
    <col min="8962" max="8962" width="17.08984375" style="4" customWidth="1"/>
    <col min="8963" max="8963" width="8.36328125" style="4" customWidth="1"/>
    <col min="8964" max="8964" width="13" style="4" customWidth="1"/>
    <col min="8965" max="8965" width="2.36328125" style="4" customWidth="1"/>
    <col min="8966" max="8966" width="23.08984375" style="4" customWidth="1"/>
    <col min="8967" max="8971" width="8.6328125" style="4" customWidth="1"/>
    <col min="8972" max="8972" width="22.08984375" style="4" customWidth="1"/>
    <col min="8973" max="8973" width="4.08984375" style="4" customWidth="1"/>
    <col min="8974" max="8974" width="5.08984375" style="4" customWidth="1"/>
    <col min="8975" max="9214" width="8.08984375" style="4"/>
    <col min="9215" max="9215" width="4" style="4" customWidth="1"/>
    <col min="9216" max="9216" width="4.08984375" style="4" customWidth="1"/>
    <col min="9217" max="9217" width="12.08984375" style="4" customWidth="1"/>
    <col min="9218" max="9218" width="17.08984375" style="4" customWidth="1"/>
    <col min="9219" max="9219" width="8.36328125" style="4" customWidth="1"/>
    <col min="9220" max="9220" width="13" style="4" customWidth="1"/>
    <col min="9221" max="9221" width="2.36328125" style="4" customWidth="1"/>
    <col min="9222" max="9222" width="23.08984375" style="4" customWidth="1"/>
    <col min="9223" max="9227" width="8.6328125" style="4" customWidth="1"/>
    <col min="9228" max="9228" width="22.08984375" style="4" customWidth="1"/>
    <col min="9229" max="9229" width="4.08984375" style="4" customWidth="1"/>
    <col min="9230" max="9230" width="5.08984375" style="4" customWidth="1"/>
    <col min="9231" max="9470" width="8.08984375" style="4"/>
    <col min="9471" max="9471" width="4" style="4" customWidth="1"/>
    <col min="9472" max="9472" width="4.08984375" style="4" customWidth="1"/>
    <col min="9473" max="9473" width="12.08984375" style="4" customWidth="1"/>
    <col min="9474" max="9474" width="17.08984375" style="4" customWidth="1"/>
    <col min="9475" max="9475" width="8.36328125" style="4" customWidth="1"/>
    <col min="9476" max="9476" width="13" style="4" customWidth="1"/>
    <col min="9477" max="9477" width="2.36328125" style="4" customWidth="1"/>
    <col min="9478" max="9478" width="23.08984375" style="4" customWidth="1"/>
    <col min="9479" max="9483" width="8.6328125" style="4" customWidth="1"/>
    <col min="9484" max="9484" width="22.08984375" style="4" customWidth="1"/>
    <col min="9485" max="9485" width="4.08984375" style="4" customWidth="1"/>
    <col min="9486" max="9486" width="5.08984375" style="4" customWidth="1"/>
    <col min="9487" max="9726" width="8.08984375" style="4"/>
    <col min="9727" max="9727" width="4" style="4" customWidth="1"/>
    <col min="9728" max="9728" width="4.08984375" style="4" customWidth="1"/>
    <col min="9729" max="9729" width="12.08984375" style="4" customWidth="1"/>
    <col min="9730" max="9730" width="17.08984375" style="4" customWidth="1"/>
    <col min="9731" max="9731" width="8.36328125" style="4" customWidth="1"/>
    <col min="9732" max="9732" width="13" style="4" customWidth="1"/>
    <col min="9733" max="9733" width="2.36328125" style="4" customWidth="1"/>
    <col min="9734" max="9734" width="23.08984375" style="4" customWidth="1"/>
    <col min="9735" max="9739" width="8.6328125" style="4" customWidth="1"/>
    <col min="9740" max="9740" width="22.08984375" style="4" customWidth="1"/>
    <col min="9741" max="9741" width="4.08984375" style="4" customWidth="1"/>
    <col min="9742" max="9742" width="5.08984375" style="4" customWidth="1"/>
    <col min="9743" max="9982" width="8.08984375" style="4"/>
    <col min="9983" max="9983" width="4" style="4" customWidth="1"/>
    <col min="9984" max="9984" width="4.08984375" style="4" customWidth="1"/>
    <col min="9985" max="9985" width="12.08984375" style="4" customWidth="1"/>
    <col min="9986" max="9986" width="17.08984375" style="4" customWidth="1"/>
    <col min="9987" max="9987" width="8.36328125" style="4" customWidth="1"/>
    <col min="9988" max="9988" width="13" style="4" customWidth="1"/>
    <col min="9989" max="9989" width="2.36328125" style="4" customWidth="1"/>
    <col min="9990" max="9990" width="23.08984375" style="4" customWidth="1"/>
    <col min="9991" max="9995" width="8.6328125" style="4" customWidth="1"/>
    <col min="9996" max="9996" width="22.08984375" style="4" customWidth="1"/>
    <col min="9997" max="9997" width="4.08984375" style="4" customWidth="1"/>
    <col min="9998" max="9998" width="5.08984375" style="4" customWidth="1"/>
    <col min="9999" max="10238" width="8.08984375" style="4"/>
    <col min="10239" max="10239" width="4" style="4" customWidth="1"/>
    <col min="10240" max="10240" width="4.08984375" style="4" customWidth="1"/>
    <col min="10241" max="10241" width="12.08984375" style="4" customWidth="1"/>
    <col min="10242" max="10242" width="17.08984375" style="4" customWidth="1"/>
    <col min="10243" max="10243" width="8.36328125" style="4" customWidth="1"/>
    <col min="10244" max="10244" width="13" style="4" customWidth="1"/>
    <col min="10245" max="10245" width="2.36328125" style="4" customWidth="1"/>
    <col min="10246" max="10246" width="23.08984375" style="4" customWidth="1"/>
    <col min="10247" max="10251" width="8.6328125" style="4" customWidth="1"/>
    <col min="10252" max="10252" width="22.08984375" style="4" customWidth="1"/>
    <col min="10253" max="10253" width="4.08984375" style="4" customWidth="1"/>
    <col min="10254" max="10254" width="5.08984375" style="4" customWidth="1"/>
    <col min="10255" max="10494" width="8.08984375" style="4"/>
    <col min="10495" max="10495" width="4" style="4" customWidth="1"/>
    <col min="10496" max="10496" width="4.08984375" style="4" customWidth="1"/>
    <col min="10497" max="10497" width="12.08984375" style="4" customWidth="1"/>
    <col min="10498" max="10498" width="17.08984375" style="4" customWidth="1"/>
    <col min="10499" max="10499" width="8.36328125" style="4" customWidth="1"/>
    <col min="10500" max="10500" width="13" style="4" customWidth="1"/>
    <col min="10501" max="10501" width="2.36328125" style="4" customWidth="1"/>
    <col min="10502" max="10502" width="23.08984375" style="4" customWidth="1"/>
    <col min="10503" max="10507" width="8.6328125" style="4" customWidth="1"/>
    <col min="10508" max="10508" width="22.08984375" style="4" customWidth="1"/>
    <col min="10509" max="10509" width="4.08984375" style="4" customWidth="1"/>
    <col min="10510" max="10510" width="5.08984375" style="4" customWidth="1"/>
    <col min="10511" max="10750" width="8.08984375" style="4"/>
    <col min="10751" max="10751" width="4" style="4" customWidth="1"/>
    <col min="10752" max="10752" width="4.08984375" style="4" customWidth="1"/>
    <col min="10753" max="10753" width="12.08984375" style="4" customWidth="1"/>
    <col min="10754" max="10754" width="17.08984375" style="4" customWidth="1"/>
    <col min="10755" max="10755" width="8.36328125" style="4" customWidth="1"/>
    <col min="10756" max="10756" width="13" style="4" customWidth="1"/>
    <col min="10757" max="10757" width="2.36328125" style="4" customWidth="1"/>
    <col min="10758" max="10758" width="23.08984375" style="4" customWidth="1"/>
    <col min="10759" max="10763" width="8.6328125" style="4" customWidth="1"/>
    <col min="10764" max="10764" width="22.08984375" style="4" customWidth="1"/>
    <col min="10765" max="10765" width="4.08984375" style="4" customWidth="1"/>
    <col min="10766" max="10766" width="5.08984375" style="4" customWidth="1"/>
    <col min="10767" max="11006" width="8.08984375" style="4"/>
    <col min="11007" max="11007" width="4" style="4" customWidth="1"/>
    <col min="11008" max="11008" width="4.08984375" style="4" customWidth="1"/>
    <col min="11009" max="11009" width="12.08984375" style="4" customWidth="1"/>
    <col min="11010" max="11010" width="17.08984375" style="4" customWidth="1"/>
    <col min="11011" max="11011" width="8.36328125" style="4" customWidth="1"/>
    <col min="11012" max="11012" width="13" style="4" customWidth="1"/>
    <col min="11013" max="11013" width="2.36328125" style="4" customWidth="1"/>
    <col min="11014" max="11014" width="23.08984375" style="4" customWidth="1"/>
    <col min="11015" max="11019" width="8.6328125" style="4" customWidth="1"/>
    <col min="11020" max="11020" width="22.08984375" style="4" customWidth="1"/>
    <col min="11021" max="11021" width="4.08984375" style="4" customWidth="1"/>
    <col min="11022" max="11022" width="5.08984375" style="4" customWidth="1"/>
    <col min="11023" max="11262" width="8.08984375" style="4"/>
    <col min="11263" max="11263" width="4" style="4" customWidth="1"/>
    <col min="11264" max="11264" width="4.08984375" style="4" customWidth="1"/>
    <col min="11265" max="11265" width="12.08984375" style="4" customWidth="1"/>
    <col min="11266" max="11266" width="17.08984375" style="4" customWidth="1"/>
    <col min="11267" max="11267" width="8.36328125" style="4" customWidth="1"/>
    <col min="11268" max="11268" width="13" style="4" customWidth="1"/>
    <col min="11269" max="11269" width="2.36328125" style="4" customWidth="1"/>
    <col min="11270" max="11270" width="23.08984375" style="4" customWidth="1"/>
    <col min="11271" max="11275" width="8.6328125" style="4" customWidth="1"/>
    <col min="11276" max="11276" width="22.08984375" style="4" customWidth="1"/>
    <col min="11277" max="11277" width="4.08984375" style="4" customWidth="1"/>
    <col min="11278" max="11278" width="5.08984375" style="4" customWidth="1"/>
    <col min="11279" max="11518" width="8.08984375" style="4"/>
    <col min="11519" max="11519" width="4" style="4" customWidth="1"/>
    <col min="11520" max="11520" width="4.08984375" style="4" customWidth="1"/>
    <col min="11521" max="11521" width="12.08984375" style="4" customWidth="1"/>
    <col min="11522" max="11522" width="17.08984375" style="4" customWidth="1"/>
    <col min="11523" max="11523" width="8.36328125" style="4" customWidth="1"/>
    <col min="11524" max="11524" width="13" style="4" customWidth="1"/>
    <col min="11525" max="11525" width="2.36328125" style="4" customWidth="1"/>
    <col min="11526" max="11526" width="23.08984375" style="4" customWidth="1"/>
    <col min="11527" max="11531" width="8.6328125" style="4" customWidth="1"/>
    <col min="11532" max="11532" width="22.08984375" style="4" customWidth="1"/>
    <col min="11533" max="11533" width="4.08984375" style="4" customWidth="1"/>
    <col min="11534" max="11534" width="5.08984375" style="4" customWidth="1"/>
    <col min="11535" max="11774" width="8.08984375" style="4"/>
    <col min="11775" max="11775" width="4" style="4" customWidth="1"/>
    <col min="11776" max="11776" width="4.08984375" style="4" customWidth="1"/>
    <col min="11777" max="11777" width="12.08984375" style="4" customWidth="1"/>
    <col min="11778" max="11778" width="17.08984375" style="4" customWidth="1"/>
    <col min="11779" max="11779" width="8.36328125" style="4" customWidth="1"/>
    <col min="11780" max="11780" width="13" style="4" customWidth="1"/>
    <col min="11781" max="11781" width="2.36328125" style="4" customWidth="1"/>
    <col min="11782" max="11782" width="23.08984375" style="4" customWidth="1"/>
    <col min="11783" max="11787" width="8.6328125" style="4" customWidth="1"/>
    <col min="11788" max="11788" width="22.08984375" style="4" customWidth="1"/>
    <col min="11789" max="11789" width="4.08984375" style="4" customWidth="1"/>
    <col min="11790" max="11790" width="5.08984375" style="4" customWidth="1"/>
    <col min="11791" max="12030" width="8.08984375" style="4"/>
    <col min="12031" max="12031" width="4" style="4" customWidth="1"/>
    <col min="12032" max="12032" width="4.08984375" style="4" customWidth="1"/>
    <col min="12033" max="12033" width="12.08984375" style="4" customWidth="1"/>
    <col min="12034" max="12034" width="17.08984375" style="4" customWidth="1"/>
    <col min="12035" max="12035" width="8.36328125" style="4" customWidth="1"/>
    <col min="12036" max="12036" width="13" style="4" customWidth="1"/>
    <col min="12037" max="12037" width="2.36328125" style="4" customWidth="1"/>
    <col min="12038" max="12038" width="23.08984375" style="4" customWidth="1"/>
    <col min="12039" max="12043" width="8.6328125" style="4" customWidth="1"/>
    <col min="12044" max="12044" width="22.08984375" style="4" customWidth="1"/>
    <col min="12045" max="12045" width="4.08984375" style="4" customWidth="1"/>
    <col min="12046" max="12046" width="5.08984375" style="4" customWidth="1"/>
    <col min="12047" max="12286" width="8.08984375" style="4"/>
    <col min="12287" max="12287" width="4" style="4" customWidth="1"/>
    <col min="12288" max="12288" width="4.08984375" style="4" customWidth="1"/>
    <col min="12289" max="12289" width="12.08984375" style="4" customWidth="1"/>
    <col min="12290" max="12290" width="17.08984375" style="4" customWidth="1"/>
    <col min="12291" max="12291" width="8.36328125" style="4" customWidth="1"/>
    <col min="12292" max="12292" width="13" style="4" customWidth="1"/>
    <col min="12293" max="12293" width="2.36328125" style="4" customWidth="1"/>
    <col min="12294" max="12294" width="23.08984375" style="4" customWidth="1"/>
    <col min="12295" max="12299" width="8.6328125" style="4" customWidth="1"/>
    <col min="12300" max="12300" width="22.08984375" style="4" customWidth="1"/>
    <col min="12301" max="12301" width="4.08984375" style="4" customWidth="1"/>
    <col min="12302" max="12302" width="5.08984375" style="4" customWidth="1"/>
    <col min="12303" max="12542" width="8.08984375" style="4"/>
    <col min="12543" max="12543" width="4" style="4" customWidth="1"/>
    <col min="12544" max="12544" width="4.08984375" style="4" customWidth="1"/>
    <col min="12545" max="12545" width="12.08984375" style="4" customWidth="1"/>
    <col min="12546" max="12546" width="17.08984375" style="4" customWidth="1"/>
    <col min="12547" max="12547" width="8.36328125" style="4" customWidth="1"/>
    <col min="12548" max="12548" width="13" style="4" customWidth="1"/>
    <col min="12549" max="12549" width="2.36328125" style="4" customWidth="1"/>
    <col min="12550" max="12550" width="23.08984375" style="4" customWidth="1"/>
    <col min="12551" max="12555" width="8.6328125" style="4" customWidth="1"/>
    <col min="12556" max="12556" width="22.08984375" style="4" customWidth="1"/>
    <col min="12557" max="12557" width="4.08984375" style="4" customWidth="1"/>
    <col min="12558" max="12558" width="5.08984375" style="4" customWidth="1"/>
    <col min="12559" max="12798" width="8.08984375" style="4"/>
    <col min="12799" max="12799" width="4" style="4" customWidth="1"/>
    <col min="12800" max="12800" width="4.08984375" style="4" customWidth="1"/>
    <col min="12801" max="12801" width="12.08984375" style="4" customWidth="1"/>
    <col min="12802" max="12802" width="17.08984375" style="4" customWidth="1"/>
    <col min="12803" max="12803" width="8.36328125" style="4" customWidth="1"/>
    <col min="12804" max="12804" width="13" style="4" customWidth="1"/>
    <col min="12805" max="12805" width="2.36328125" style="4" customWidth="1"/>
    <col min="12806" max="12806" width="23.08984375" style="4" customWidth="1"/>
    <col min="12807" max="12811" width="8.6328125" style="4" customWidth="1"/>
    <col min="12812" max="12812" width="22.08984375" style="4" customWidth="1"/>
    <col min="12813" max="12813" width="4.08984375" style="4" customWidth="1"/>
    <col min="12814" max="12814" width="5.08984375" style="4" customWidth="1"/>
    <col min="12815" max="13054" width="8.08984375" style="4"/>
    <col min="13055" max="13055" width="4" style="4" customWidth="1"/>
    <col min="13056" max="13056" width="4.08984375" style="4" customWidth="1"/>
    <col min="13057" max="13057" width="12.08984375" style="4" customWidth="1"/>
    <col min="13058" max="13058" width="17.08984375" style="4" customWidth="1"/>
    <col min="13059" max="13059" width="8.36328125" style="4" customWidth="1"/>
    <col min="13060" max="13060" width="13" style="4" customWidth="1"/>
    <col min="13061" max="13061" width="2.36328125" style="4" customWidth="1"/>
    <col min="13062" max="13062" width="23.08984375" style="4" customWidth="1"/>
    <col min="13063" max="13067" width="8.6328125" style="4" customWidth="1"/>
    <col min="13068" max="13068" width="22.08984375" style="4" customWidth="1"/>
    <col min="13069" max="13069" width="4.08984375" style="4" customWidth="1"/>
    <col min="13070" max="13070" width="5.08984375" style="4" customWidth="1"/>
    <col min="13071" max="13310" width="8.08984375" style="4"/>
    <col min="13311" max="13311" width="4" style="4" customWidth="1"/>
    <col min="13312" max="13312" width="4.08984375" style="4" customWidth="1"/>
    <col min="13313" max="13313" width="12.08984375" style="4" customWidth="1"/>
    <col min="13314" max="13314" width="17.08984375" style="4" customWidth="1"/>
    <col min="13315" max="13315" width="8.36328125" style="4" customWidth="1"/>
    <col min="13316" max="13316" width="13" style="4" customWidth="1"/>
    <col min="13317" max="13317" width="2.36328125" style="4" customWidth="1"/>
    <col min="13318" max="13318" width="23.08984375" style="4" customWidth="1"/>
    <col min="13319" max="13323" width="8.6328125" style="4" customWidth="1"/>
    <col min="13324" max="13324" width="22.08984375" style="4" customWidth="1"/>
    <col min="13325" max="13325" width="4.08984375" style="4" customWidth="1"/>
    <col min="13326" max="13326" width="5.08984375" style="4" customWidth="1"/>
    <col min="13327" max="13566" width="8.08984375" style="4"/>
    <col min="13567" max="13567" width="4" style="4" customWidth="1"/>
    <col min="13568" max="13568" width="4.08984375" style="4" customWidth="1"/>
    <col min="13569" max="13569" width="12.08984375" style="4" customWidth="1"/>
    <col min="13570" max="13570" width="17.08984375" style="4" customWidth="1"/>
    <col min="13571" max="13571" width="8.36328125" style="4" customWidth="1"/>
    <col min="13572" max="13572" width="13" style="4" customWidth="1"/>
    <col min="13573" max="13573" width="2.36328125" style="4" customWidth="1"/>
    <col min="13574" max="13574" width="23.08984375" style="4" customWidth="1"/>
    <col min="13575" max="13579" width="8.6328125" style="4" customWidth="1"/>
    <col min="13580" max="13580" width="22.08984375" style="4" customWidth="1"/>
    <col min="13581" max="13581" width="4.08984375" style="4" customWidth="1"/>
    <col min="13582" max="13582" width="5.08984375" style="4" customWidth="1"/>
    <col min="13583" max="13822" width="8.08984375" style="4"/>
    <col min="13823" max="13823" width="4" style="4" customWidth="1"/>
    <col min="13824" max="13824" width="4.08984375" style="4" customWidth="1"/>
    <col min="13825" max="13825" width="12.08984375" style="4" customWidth="1"/>
    <col min="13826" max="13826" width="17.08984375" style="4" customWidth="1"/>
    <col min="13827" max="13827" width="8.36328125" style="4" customWidth="1"/>
    <col min="13828" max="13828" width="13" style="4" customWidth="1"/>
    <col min="13829" max="13829" width="2.36328125" style="4" customWidth="1"/>
    <col min="13830" max="13830" width="23.08984375" style="4" customWidth="1"/>
    <col min="13831" max="13835" width="8.6328125" style="4" customWidth="1"/>
    <col min="13836" max="13836" width="22.08984375" style="4" customWidth="1"/>
    <col min="13837" max="13837" width="4.08984375" style="4" customWidth="1"/>
    <col min="13838" max="13838" width="5.08984375" style="4" customWidth="1"/>
    <col min="13839" max="14078" width="8.08984375" style="4"/>
    <col min="14079" max="14079" width="4" style="4" customWidth="1"/>
    <col min="14080" max="14080" width="4.08984375" style="4" customWidth="1"/>
    <col min="14081" max="14081" width="12.08984375" style="4" customWidth="1"/>
    <col min="14082" max="14082" width="17.08984375" style="4" customWidth="1"/>
    <col min="14083" max="14083" width="8.36328125" style="4" customWidth="1"/>
    <col min="14084" max="14084" width="13" style="4" customWidth="1"/>
    <col min="14085" max="14085" width="2.36328125" style="4" customWidth="1"/>
    <col min="14086" max="14086" width="23.08984375" style="4" customWidth="1"/>
    <col min="14087" max="14091" width="8.6328125" style="4" customWidth="1"/>
    <col min="14092" max="14092" width="22.08984375" style="4" customWidth="1"/>
    <col min="14093" max="14093" width="4.08984375" style="4" customWidth="1"/>
    <col min="14094" max="14094" width="5.08984375" style="4" customWidth="1"/>
    <col min="14095" max="14334" width="8.08984375" style="4"/>
    <col min="14335" max="14335" width="4" style="4" customWidth="1"/>
    <col min="14336" max="14336" width="4.08984375" style="4" customWidth="1"/>
    <col min="14337" max="14337" width="12.08984375" style="4" customWidth="1"/>
    <col min="14338" max="14338" width="17.08984375" style="4" customWidth="1"/>
    <col min="14339" max="14339" width="8.36328125" style="4" customWidth="1"/>
    <col min="14340" max="14340" width="13" style="4" customWidth="1"/>
    <col min="14341" max="14341" width="2.36328125" style="4" customWidth="1"/>
    <col min="14342" max="14342" width="23.08984375" style="4" customWidth="1"/>
    <col min="14343" max="14347" width="8.6328125" style="4" customWidth="1"/>
    <col min="14348" max="14348" width="22.08984375" style="4" customWidth="1"/>
    <col min="14349" max="14349" width="4.08984375" style="4" customWidth="1"/>
    <col min="14350" max="14350" width="5.08984375" style="4" customWidth="1"/>
    <col min="14351" max="14590" width="8.08984375" style="4"/>
    <col min="14591" max="14591" width="4" style="4" customWidth="1"/>
    <col min="14592" max="14592" width="4.08984375" style="4" customWidth="1"/>
    <col min="14593" max="14593" width="12.08984375" style="4" customWidth="1"/>
    <col min="14594" max="14594" width="17.08984375" style="4" customWidth="1"/>
    <col min="14595" max="14595" width="8.36328125" style="4" customWidth="1"/>
    <col min="14596" max="14596" width="13" style="4" customWidth="1"/>
    <col min="14597" max="14597" width="2.36328125" style="4" customWidth="1"/>
    <col min="14598" max="14598" width="23.08984375" style="4" customWidth="1"/>
    <col min="14599" max="14603" width="8.6328125" style="4" customWidth="1"/>
    <col min="14604" max="14604" width="22.08984375" style="4" customWidth="1"/>
    <col min="14605" max="14605" width="4.08984375" style="4" customWidth="1"/>
    <col min="14606" max="14606" width="5.08984375" style="4" customWidth="1"/>
    <col min="14607" max="14846" width="8.08984375" style="4"/>
    <col min="14847" max="14847" width="4" style="4" customWidth="1"/>
    <col min="14848" max="14848" width="4.08984375" style="4" customWidth="1"/>
    <col min="14849" max="14849" width="12.08984375" style="4" customWidth="1"/>
    <col min="14850" max="14850" width="17.08984375" style="4" customWidth="1"/>
    <col min="14851" max="14851" width="8.36328125" style="4" customWidth="1"/>
    <col min="14852" max="14852" width="13" style="4" customWidth="1"/>
    <col min="14853" max="14853" width="2.36328125" style="4" customWidth="1"/>
    <col min="14854" max="14854" width="23.08984375" style="4" customWidth="1"/>
    <col min="14855" max="14859" width="8.6328125" style="4" customWidth="1"/>
    <col min="14860" max="14860" width="22.08984375" style="4" customWidth="1"/>
    <col min="14861" max="14861" width="4.08984375" style="4" customWidth="1"/>
    <col min="14862" max="14862" width="5.08984375" style="4" customWidth="1"/>
    <col min="14863" max="15102" width="8.08984375" style="4"/>
    <col min="15103" max="15103" width="4" style="4" customWidth="1"/>
    <col min="15104" max="15104" width="4.08984375" style="4" customWidth="1"/>
    <col min="15105" max="15105" width="12.08984375" style="4" customWidth="1"/>
    <col min="15106" max="15106" width="17.08984375" style="4" customWidth="1"/>
    <col min="15107" max="15107" width="8.36328125" style="4" customWidth="1"/>
    <col min="15108" max="15108" width="13" style="4" customWidth="1"/>
    <col min="15109" max="15109" width="2.36328125" style="4" customWidth="1"/>
    <col min="15110" max="15110" width="23.08984375" style="4" customWidth="1"/>
    <col min="15111" max="15115" width="8.6328125" style="4" customWidth="1"/>
    <col min="15116" max="15116" width="22.08984375" style="4" customWidth="1"/>
    <col min="15117" max="15117" width="4.08984375" style="4" customWidth="1"/>
    <col min="15118" max="15118" width="5.08984375" style="4" customWidth="1"/>
    <col min="15119" max="15358" width="8.08984375" style="4"/>
    <col min="15359" max="15359" width="4" style="4" customWidth="1"/>
    <col min="15360" max="15360" width="4.08984375" style="4" customWidth="1"/>
    <col min="15361" max="15361" width="12.08984375" style="4" customWidth="1"/>
    <col min="15362" max="15362" width="17.08984375" style="4" customWidth="1"/>
    <col min="15363" max="15363" width="8.36328125" style="4" customWidth="1"/>
    <col min="15364" max="15364" width="13" style="4" customWidth="1"/>
    <col min="15365" max="15365" width="2.36328125" style="4" customWidth="1"/>
    <col min="15366" max="15366" width="23.08984375" style="4" customWidth="1"/>
    <col min="15367" max="15371" width="8.6328125" style="4" customWidth="1"/>
    <col min="15372" max="15372" width="22.08984375" style="4" customWidth="1"/>
    <col min="15373" max="15373" width="4.08984375" style="4" customWidth="1"/>
    <col min="15374" max="15374" width="5.08984375" style="4" customWidth="1"/>
    <col min="15375" max="15614" width="8.08984375" style="4"/>
    <col min="15615" max="15615" width="4" style="4" customWidth="1"/>
    <col min="15616" max="15616" width="4.08984375" style="4" customWidth="1"/>
    <col min="15617" max="15617" width="12.08984375" style="4" customWidth="1"/>
    <col min="15618" max="15618" width="17.08984375" style="4" customWidth="1"/>
    <col min="15619" max="15619" width="8.36328125" style="4" customWidth="1"/>
    <col min="15620" max="15620" width="13" style="4" customWidth="1"/>
    <col min="15621" max="15621" width="2.36328125" style="4" customWidth="1"/>
    <col min="15622" max="15622" width="23.08984375" style="4" customWidth="1"/>
    <col min="15623" max="15627" width="8.6328125" style="4" customWidth="1"/>
    <col min="15628" max="15628" width="22.08984375" style="4" customWidth="1"/>
    <col min="15629" max="15629" width="4.08984375" style="4" customWidth="1"/>
    <col min="15630" max="15630" width="5.08984375" style="4" customWidth="1"/>
    <col min="15631" max="15870" width="8.08984375" style="4"/>
    <col min="15871" max="15871" width="4" style="4" customWidth="1"/>
    <col min="15872" max="15872" width="4.08984375" style="4" customWidth="1"/>
    <col min="15873" max="15873" width="12.08984375" style="4" customWidth="1"/>
    <col min="15874" max="15874" width="17.08984375" style="4" customWidth="1"/>
    <col min="15875" max="15875" width="8.36328125" style="4" customWidth="1"/>
    <col min="15876" max="15876" width="13" style="4" customWidth="1"/>
    <col min="15877" max="15877" width="2.36328125" style="4" customWidth="1"/>
    <col min="15878" max="15878" width="23.08984375" style="4" customWidth="1"/>
    <col min="15879" max="15883" width="8.6328125" style="4" customWidth="1"/>
    <col min="15884" max="15884" width="22.08984375" style="4" customWidth="1"/>
    <col min="15885" max="15885" width="4.08984375" style="4" customWidth="1"/>
    <col min="15886" max="15886" width="5.08984375" style="4" customWidth="1"/>
    <col min="15887" max="16126" width="8.08984375" style="4"/>
    <col min="16127" max="16127" width="4" style="4" customWidth="1"/>
    <col min="16128" max="16128" width="4.08984375" style="4" customWidth="1"/>
    <col min="16129" max="16129" width="12.08984375" style="4" customWidth="1"/>
    <col min="16130" max="16130" width="17.08984375" style="4" customWidth="1"/>
    <col min="16131" max="16131" width="8.36328125" style="4" customWidth="1"/>
    <col min="16132" max="16132" width="13" style="4" customWidth="1"/>
    <col min="16133" max="16133" width="2.36328125" style="4" customWidth="1"/>
    <col min="16134" max="16134" width="23.08984375" style="4" customWidth="1"/>
    <col min="16135" max="16139" width="8.6328125" style="4" customWidth="1"/>
    <col min="16140" max="16140" width="22.08984375" style="4" customWidth="1"/>
    <col min="16141" max="16141" width="4.08984375" style="4" customWidth="1"/>
    <col min="16142" max="16142" width="5.08984375" style="4" customWidth="1"/>
    <col min="16143" max="16384" width="8.08984375" style="4"/>
  </cols>
  <sheetData>
    <row r="1" spans="1:15" ht="18.5">
      <c r="A1" s="25" t="s">
        <v>149</v>
      </c>
      <c r="B1" s="25"/>
      <c r="C1" s="25"/>
      <c r="D1" s="25"/>
      <c r="E1" s="25"/>
      <c r="F1" s="25"/>
      <c r="G1" s="3"/>
      <c r="H1" s="3"/>
      <c r="I1" s="26"/>
      <c r="J1" s="26"/>
      <c r="K1" s="27"/>
      <c r="L1" s="27"/>
    </row>
    <row r="2" spans="1:15" ht="14">
      <c r="A2" s="25"/>
      <c r="B2" s="25"/>
      <c r="C2" s="25"/>
      <c r="D2" s="25"/>
      <c r="E2" s="25"/>
      <c r="F2" s="25"/>
      <c r="I2" s="26"/>
      <c r="J2" s="26"/>
      <c r="K2" s="28"/>
      <c r="L2" s="28"/>
      <c r="O2" s="5"/>
    </row>
    <row r="3" spans="1:15" ht="16">
      <c r="A3" s="6"/>
      <c r="B3" s="6"/>
      <c r="I3" s="7"/>
      <c r="J3" s="7"/>
      <c r="K3" s="8"/>
      <c r="L3" s="8"/>
      <c r="O3" s="5"/>
    </row>
    <row r="4" spans="1:15" ht="105.75" customHeight="1">
      <c r="A4" s="14" t="s">
        <v>136</v>
      </c>
      <c r="B4" s="15" t="s">
        <v>147</v>
      </c>
      <c r="C4" s="18" t="s">
        <v>168</v>
      </c>
      <c r="D4" s="16" t="s">
        <v>150</v>
      </c>
      <c r="E4" s="14" t="s">
        <v>151</v>
      </c>
      <c r="F4" s="17" t="s">
        <v>158</v>
      </c>
      <c r="G4" s="16" t="s">
        <v>156</v>
      </c>
      <c r="H4" s="16" t="s">
        <v>159</v>
      </c>
      <c r="I4" s="17" t="s">
        <v>164</v>
      </c>
      <c r="J4" s="22" t="s">
        <v>162</v>
      </c>
      <c r="K4" s="16" t="s">
        <v>161</v>
      </c>
      <c r="L4" s="16" t="s">
        <v>163</v>
      </c>
    </row>
    <row r="5" spans="1:15" ht="80.25" customHeight="1">
      <c r="A5" s="14" t="s">
        <v>137</v>
      </c>
      <c r="B5" s="18" t="s">
        <v>148</v>
      </c>
      <c r="C5" s="15" t="s">
        <v>152</v>
      </c>
      <c r="D5" s="19" t="s">
        <v>153</v>
      </c>
      <c r="E5" s="19" t="s">
        <v>154</v>
      </c>
      <c r="F5" s="19" t="s">
        <v>155</v>
      </c>
      <c r="G5" s="21" t="s">
        <v>160</v>
      </c>
      <c r="H5" s="21" t="s">
        <v>157</v>
      </c>
      <c r="I5" s="20" t="s">
        <v>141</v>
      </c>
      <c r="J5" s="24" t="s">
        <v>165</v>
      </c>
      <c r="K5" s="19" t="s">
        <v>166</v>
      </c>
      <c r="L5" s="16" t="s">
        <v>167</v>
      </c>
    </row>
    <row r="6" spans="1:15" ht="80.25" customHeight="1">
      <c r="A6" s="9">
        <v>1</v>
      </c>
      <c r="B6" s="10"/>
      <c r="C6" s="10"/>
      <c r="D6" s="11"/>
      <c r="E6" s="11"/>
      <c r="F6" s="12"/>
      <c r="G6" s="13"/>
      <c r="H6" s="13"/>
      <c r="I6" s="23"/>
      <c r="J6" s="11"/>
      <c r="K6" s="11"/>
      <c r="L6" s="11"/>
    </row>
    <row r="7" spans="1:15" ht="80.25" customHeight="1">
      <c r="A7" s="9">
        <v>2</v>
      </c>
      <c r="B7" s="10"/>
      <c r="C7" s="10"/>
      <c r="D7" s="11"/>
      <c r="E7" s="11"/>
      <c r="F7" s="12"/>
      <c r="G7" s="13"/>
      <c r="H7" s="13"/>
      <c r="I7" s="23"/>
      <c r="J7" s="11"/>
      <c r="K7" s="11"/>
      <c r="L7" s="11"/>
    </row>
    <row r="8" spans="1:15" ht="80.25" customHeight="1">
      <c r="A8" s="9">
        <v>3</v>
      </c>
      <c r="B8" s="10"/>
      <c r="C8" s="10"/>
      <c r="D8" s="11"/>
      <c r="E8" s="11"/>
      <c r="F8" s="12"/>
      <c r="G8" s="13"/>
      <c r="H8" s="13"/>
      <c r="I8" s="23"/>
      <c r="J8" s="11"/>
      <c r="K8" s="11"/>
      <c r="L8" s="11"/>
    </row>
    <row r="9" spans="1:15" ht="80.25" customHeight="1">
      <c r="A9" s="9">
        <v>4</v>
      </c>
      <c r="B9" s="10"/>
      <c r="C9" s="10"/>
      <c r="D9" s="11"/>
      <c r="E9" s="11"/>
      <c r="F9" s="12"/>
      <c r="G9" s="13"/>
      <c r="H9" s="13"/>
      <c r="I9" s="23"/>
      <c r="J9" s="11"/>
      <c r="K9" s="11"/>
      <c r="L9" s="11"/>
    </row>
    <row r="10" spans="1:15" ht="80.25" customHeight="1">
      <c r="A10" s="9">
        <v>5</v>
      </c>
      <c r="B10" s="10"/>
      <c r="C10" s="10"/>
      <c r="D10" s="11"/>
      <c r="E10" s="11"/>
      <c r="F10" s="12"/>
      <c r="G10" s="13"/>
      <c r="H10" s="13"/>
      <c r="I10" s="23"/>
      <c r="J10" s="11"/>
      <c r="K10" s="11"/>
      <c r="L10" s="11"/>
    </row>
    <row r="11" spans="1:15" ht="80.25" customHeight="1">
      <c r="A11" s="9">
        <v>6</v>
      </c>
      <c r="B11" s="10"/>
      <c r="C11" s="10"/>
      <c r="D11" s="11"/>
      <c r="E11" s="11"/>
      <c r="F11" s="12"/>
      <c r="G11" s="13"/>
      <c r="H11" s="13"/>
      <c r="I11" s="23"/>
      <c r="J11" s="11"/>
      <c r="K11" s="11"/>
      <c r="L11" s="11"/>
    </row>
    <row r="12" spans="1:15" ht="80.25" customHeight="1"/>
    <row r="13" spans="1:15" ht="80.25" customHeight="1"/>
    <row r="14" spans="1:15" ht="80.25" customHeight="1"/>
    <row r="15" spans="1:15" ht="80.25" customHeight="1"/>
  </sheetData>
  <mergeCells count="4">
    <mergeCell ref="A1:F2"/>
    <mergeCell ref="I1:J2"/>
    <mergeCell ref="K1:L1"/>
    <mergeCell ref="K2:L2"/>
  </mergeCells>
  <phoneticPr fontId="2"/>
  <hyperlinks>
    <hyperlink ref="I5" r:id="rId1" xr:uid="{D40AF78D-2785-4460-9DDF-1761F623E9CF}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3:Z41"/>
  <sheetViews>
    <sheetView workbookViewId="0">
      <selection activeCell="B17" sqref="B17"/>
    </sheetView>
  </sheetViews>
  <sheetFormatPr defaultColWidth="9" defaultRowHeight="13"/>
  <cols>
    <col min="1" max="4" width="9" style="1"/>
    <col min="5" max="8" width="15.08984375" style="1" customWidth="1"/>
    <col min="9" max="9" width="30.08984375" style="1" customWidth="1"/>
    <col min="10" max="13" width="15.08984375" style="1" customWidth="1"/>
    <col min="14" max="14" width="21.453125" style="1" customWidth="1"/>
    <col min="15" max="26" width="15.08984375" style="1" customWidth="1"/>
    <col min="27" max="16384" width="9" style="1"/>
  </cols>
  <sheetData>
    <row r="3" spans="1:24">
      <c r="A3" s="1" t="s">
        <v>0</v>
      </c>
      <c r="B3" s="1" t="s">
        <v>139</v>
      </c>
      <c r="E3" s="2" t="s">
        <v>118</v>
      </c>
      <c r="F3" s="2" t="s">
        <v>1</v>
      </c>
      <c r="G3" s="2" t="s">
        <v>119</v>
      </c>
      <c r="H3" s="2" t="s">
        <v>127</v>
      </c>
      <c r="I3" s="2" t="s">
        <v>4</v>
      </c>
      <c r="J3" s="2" t="s">
        <v>128</v>
      </c>
      <c r="K3" s="2" t="s">
        <v>129</v>
      </c>
      <c r="L3" s="2" t="s">
        <v>120</v>
      </c>
      <c r="M3" s="2" t="s">
        <v>130</v>
      </c>
      <c r="N3" s="2" t="s">
        <v>131</v>
      </c>
      <c r="O3" s="2" t="s">
        <v>121</v>
      </c>
      <c r="P3" s="2" t="s">
        <v>122</v>
      </c>
      <c r="Q3" s="2" t="s">
        <v>123</v>
      </c>
      <c r="R3" s="2" t="s">
        <v>124</v>
      </c>
      <c r="S3" s="2" t="s">
        <v>125</v>
      </c>
      <c r="T3" s="2" t="s">
        <v>126</v>
      </c>
      <c r="U3" s="2" t="s">
        <v>132</v>
      </c>
      <c r="V3" s="2" t="s">
        <v>133</v>
      </c>
      <c r="W3" s="2" t="s">
        <v>134</v>
      </c>
      <c r="X3" s="2" t="s">
        <v>135</v>
      </c>
    </row>
    <row r="4" spans="1:24">
      <c r="B4" s="1" t="s">
        <v>140</v>
      </c>
      <c r="E4" s="1" t="s">
        <v>19</v>
      </c>
      <c r="F4" s="1" t="s">
        <v>21</v>
      </c>
      <c r="G4" s="1" t="s">
        <v>119</v>
      </c>
      <c r="H4" s="1" t="s">
        <v>23</v>
      </c>
      <c r="I4" s="1" t="s">
        <v>26</v>
      </c>
      <c r="J4" s="1" t="s">
        <v>50</v>
      </c>
      <c r="K4" s="1" t="s">
        <v>54</v>
      </c>
      <c r="L4" s="1" t="s">
        <v>59</v>
      </c>
      <c r="M4" s="1" t="s">
        <v>67</v>
      </c>
      <c r="N4" s="1" t="s">
        <v>79</v>
      </c>
      <c r="O4" s="1" t="s">
        <v>85</v>
      </c>
      <c r="P4" s="1" t="s">
        <v>88</v>
      </c>
      <c r="Q4" s="1" t="s">
        <v>92</v>
      </c>
      <c r="R4" s="1" t="s">
        <v>95</v>
      </c>
      <c r="S4" s="1" t="s">
        <v>98</v>
      </c>
      <c r="T4" s="1" t="s">
        <v>100</v>
      </c>
      <c r="U4" s="1" t="s">
        <v>103</v>
      </c>
      <c r="V4" s="1" t="s">
        <v>105</v>
      </c>
      <c r="W4" s="1" t="s">
        <v>114</v>
      </c>
      <c r="X4" s="1" t="s">
        <v>18</v>
      </c>
    </row>
    <row r="5" spans="1:24">
      <c r="E5" s="1" t="s">
        <v>20</v>
      </c>
      <c r="F5" s="1" t="s">
        <v>22</v>
      </c>
      <c r="H5" s="1" t="s">
        <v>24</v>
      </c>
      <c r="I5" s="1" t="s">
        <v>27</v>
      </c>
      <c r="J5" s="1" t="s">
        <v>51</v>
      </c>
      <c r="K5" s="1" t="s">
        <v>55</v>
      </c>
      <c r="L5" s="1" t="s">
        <v>60</v>
      </c>
      <c r="M5" s="1" t="s">
        <v>68</v>
      </c>
      <c r="N5" s="1" t="s">
        <v>80</v>
      </c>
      <c r="O5" s="1" t="s">
        <v>86</v>
      </c>
      <c r="P5" s="1" t="s">
        <v>89</v>
      </c>
      <c r="Q5" s="1" t="s">
        <v>93</v>
      </c>
      <c r="R5" s="1" t="s">
        <v>96</v>
      </c>
      <c r="S5" s="1" t="s">
        <v>99</v>
      </c>
      <c r="T5" s="1" t="s">
        <v>101</v>
      </c>
      <c r="U5" s="1" t="s">
        <v>104</v>
      </c>
      <c r="V5" s="1" t="s">
        <v>106</v>
      </c>
      <c r="W5" s="1" t="s">
        <v>115</v>
      </c>
    </row>
    <row r="6" spans="1:24">
      <c r="H6" s="1" t="s">
        <v>25</v>
      </c>
      <c r="I6" s="1" t="s">
        <v>28</v>
      </c>
      <c r="J6" s="1" t="s">
        <v>52</v>
      </c>
      <c r="K6" s="1" t="s">
        <v>56</v>
      </c>
      <c r="L6" s="1" t="s">
        <v>61</v>
      </c>
      <c r="M6" s="1" t="s">
        <v>69</v>
      </c>
      <c r="N6" s="1" t="s">
        <v>81</v>
      </c>
      <c r="O6" s="1" t="s">
        <v>87</v>
      </c>
      <c r="P6" s="1" t="s">
        <v>90</v>
      </c>
      <c r="Q6" s="1" t="s">
        <v>94</v>
      </c>
      <c r="R6" s="1" t="s">
        <v>97</v>
      </c>
      <c r="T6" s="1" t="s">
        <v>102</v>
      </c>
      <c r="V6" s="1" t="s">
        <v>107</v>
      </c>
    </row>
    <row r="7" spans="1:24">
      <c r="I7" s="1" t="s">
        <v>29</v>
      </c>
      <c r="J7" s="1" t="s">
        <v>53</v>
      </c>
      <c r="K7" s="1" t="s">
        <v>57</v>
      </c>
      <c r="L7" s="1" t="s">
        <v>62</v>
      </c>
      <c r="M7" s="1" t="s">
        <v>70</v>
      </c>
      <c r="N7" s="1" t="s">
        <v>82</v>
      </c>
      <c r="P7" s="1" t="s">
        <v>91</v>
      </c>
      <c r="V7" s="1" t="s">
        <v>108</v>
      </c>
    </row>
    <row r="8" spans="1:24">
      <c r="B8" s="1" t="s">
        <v>142</v>
      </c>
      <c r="I8" s="1" t="s">
        <v>30</v>
      </c>
      <c r="K8" s="1" t="s">
        <v>58</v>
      </c>
      <c r="L8" s="1" t="s">
        <v>63</v>
      </c>
      <c r="M8" s="1" t="s">
        <v>71</v>
      </c>
      <c r="N8" s="1" t="s">
        <v>83</v>
      </c>
      <c r="V8" s="1" t="s">
        <v>109</v>
      </c>
    </row>
    <row r="9" spans="1:24">
      <c r="B9" s="1" t="s">
        <v>143</v>
      </c>
      <c r="I9" s="1" t="s">
        <v>31</v>
      </c>
      <c r="L9" s="1" t="s">
        <v>64</v>
      </c>
      <c r="M9" s="1" t="s">
        <v>72</v>
      </c>
      <c r="N9" s="1" t="s">
        <v>84</v>
      </c>
      <c r="V9" s="1" t="s">
        <v>110</v>
      </c>
    </row>
    <row r="10" spans="1:24">
      <c r="B10" s="1" t="s">
        <v>138</v>
      </c>
      <c r="I10" s="1" t="s">
        <v>32</v>
      </c>
      <c r="L10" s="1" t="s">
        <v>65</v>
      </c>
      <c r="M10" s="1" t="s">
        <v>73</v>
      </c>
      <c r="V10" s="1" t="s">
        <v>111</v>
      </c>
    </row>
    <row r="11" spans="1:24">
      <c r="I11" s="1" t="s">
        <v>33</v>
      </c>
      <c r="L11" s="1" t="s">
        <v>66</v>
      </c>
      <c r="M11" s="1" t="s">
        <v>74</v>
      </c>
      <c r="V11" s="1" t="s">
        <v>112</v>
      </c>
    </row>
    <row r="12" spans="1:24">
      <c r="I12" s="1" t="s">
        <v>34</v>
      </c>
      <c r="M12" s="1" t="s">
        <v>75</v>
      </c>
      <c r="V12" s="1" t="s">
        <v>113</v>
      </c>
    </row>
    <row r="13" spans="1:24">
      <c r="I13" s="1" t="s">
        <v>35</v>
      </c>
      <c r="M13" s="1" t="s">
        <v>76</v>
      </c>
    </row>
    <row r="14" spans="1:24">
      <c r="B14" s="1" t="s">
        <v>144</v>
      </c>
      <c r="I14" s="1" t="s">
        <v>36</v>
      </c>
      <c r="M14" s="1" t="s">
        <v>77</v>
      </c>
    </row>
    <row r="15" spans="1:24">
      <c r="B15" s="1" t="s">
        <v>145</v>
      </c>
      <c r="I15" s="1" t="s">
        <v>37</v>
      </c>
      <c r="M15" s="1" t="s">
        <v>78</v>
      </c>
    </row>
    <row r="16" spans="1:24">
      <c r="B16" s="1" t="s">
        <v>146</v>
      </c>
      <c r="I16" s="1" t="s">
        <v>38</v>
      </c>
    </row>
    <row r="17" spans="9:9">
      <c r="I17" s="1" t="s">
        <v>39</v>
      </c>
    </row>
    <row r="18" spans="9:9">
      <c r="I18" s="1" t="s">
        <v>40</v>
      </c>
    </row>
    <row r="19" spans="9:9">
      <c r="I19" s="1" t="s">
        <v>41</v>
      </c>
    </row>
    <row r="20" spans="9:9">
      <c r="I20" s="1" t="s">
        <v>42</v>
      </c>
    </row>
    <row r="21" spans="9:9">
      <c r="I21" s="1" t="s">
        <v>43</v>
      </c>
    </row>
    <row r="22" spans="9:9">
      <c r="I22" s="1" t="s">
        <v>44</v>
      </c>
    </row>
    <row r="23" spans="9:9">
      <c r="I23" s="1" t="s">
        <v>45</v>
      </c>
    </row>
    <row r="24" spans="9:9">
      <c r="I24" s="1" t="s">
        <v>46</v>
      </c>
    </row>
    <row r="25" spans="9:9">
      <c r="I25" s="1" t="s">
        <v>47</v>
      </c>
    </row>
    <row r="26" spans="9:9">
      <c r="I26" s="1" t="s">
        <v>48</v>
      </c>
    </row>
    <row r="27" spans="9:9">
      <c r="I27" s="1" t="s">
        <v>49</v>
      </c>
    </row>
    <row r="41" spans="7:26">
      <c r="G41" s="1" t="s">
        <v>116</v>
      </c>
      <c r="H41" s="1" t="s">
        <v>1</v>
      </c>
      <c r="I41" s="1" t="s">
        <v>2</v>
      </c>
      <c r="J41" s="1" t="s">
        <v>3</v>
      </c>
      <c r="K41" s="1" t="s">
        <v>4</v>
      </c>
      <c r="L41" s="1" t="s">
        <v>5</v>
      </c>
      <c r="M41" s="1" t="s">
        <v>6</v>
      </c>
      <c r="N41" s="1" t="s">
        <v>7</v>
      </c>
      <c r="O41" s="1" t="s">
        <v>8</v>
      </c>
      <c r="P41" s="1" t="s">
        <v>9</v>
      </c>
      <c r="Q41" s="1" t="s">
        <v>10</v>
      </c>
      <c r="R41" s="1" t="s">
        <v>11</v>
      </c>
      <c r="S41" s="1" t="s">
        <v>12</v>
      </c>
      <c r="T41" s="1" t="s">
        <v>117</v>
      </c>
      <c r="U41" s="1" t="s">
        <v>13</v>
      </c>
      <c r="V41" s="1" t="s">
        <v>14</v>
      </c>
      <c r="W41" s="1" t="s">
        <v>15</v>
      </c>
      <c r="X41" s="1" t="s">
        <v>16</v>
      </c>
      <c r="Y41" s="1" t="s">
        <v>17</v>
      </c>
      <c r="Z41" s="1" t="s">
        <v>18</v>
      </c>
    </row>
  </sheetData>
  <phoneticPr fontId="2"/>
  <dataValidations count="1">
    <dataValidation type="list" allowBlank="1" showInputMessage="1" showErrorMessage="1" sqref="B8:B10" xr:uid="{00000000-0002-0000-0200-000000000000}">
      <formula1>$B$3:$B$4</formula1>
    </dataValidation>
  </dataValidation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2C1FD913945BF84C8A9650BC6B1C69C0" ma:contentTypeVersion="13" ma:contentTypeDescription="新しいドキュメントを作成します。" ma:contentTypeScope="" ma:versionID="fa08798c9bb87e9983b0c14eea55e0cd">
  <xsd:schema xmlns:xsd="http://www.w3.org/2001/XMLSchema" xmlns:xs="http://www.w3.org/2001/XMLSchema" xmlns:p="http://schemas.microsoft.com/office/2006/metadata/properties" xmlns:ns2="7610630d-b268-4092-8823-e948dfbf3ef7" xmlns:ns3="ffcda67c-f79e-4241-ab6d-211d964914d5" targetNamespace="http://schemas.microsoft.com/office/2006/metadata/properties" ma:root="true" ma:fieldsID="7682b2cf123379ae55c4d9c84095f968" ns2:_="" ns3:_="">
    <xsd:import namespace="7610630d-b268-4092-8823-e948dfbf3ef7"/>
    <xsd:import namespace="ffcda67c-f79e-4241-ab6d-211d964914d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610630d-b268-4092-8823-e948dfbf3ef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画像タグ" ma:readOnly="false" ma:fieldId="{5cf76f15-5ced-4ddc-b409-7134ff3c332f}" ma:taxonomyMulti="true" ma:sspId="f6533bf4-84fe-4683-88bb-e65233d3d00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fcda67c-f79e-4241-ab6d-211d964914d5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f51ac3d6-8ebb-40a6-835d-5515471cca40}" ma:internalName="TaxCatchAll" ma:showField="CatchAllData" ma:web="ffcda67c-f79e-4241-ab6d-211d964914d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169223A-9D39-4DE7-AE13-4F5D91834E76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B6D7744-149C-4A8C-BF5E-4BB6CB083AE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610630d-b268-4092-8823-e948dfbf3ef7"/>
    <ds:schemaRef ds:uri="ffcda67c-f79e-4241-ab6d-211d964914d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0</vt:i4>
      </vt:variant>
    </vt:vector>
  </HeadingPairs>
  <TitlesOfParts>
    <vt:vector size="22" baseType="lpstr">
      <vt:lpstr>商品シート</vt:lpstr>
      <vt:lpstr>リスト</vt:lpstr>
      <vt:lpstr>サービス業・他に分類されないもの</vt:lpstr>
      <vt:lpstr>医療・福祉</vt:lpstr>
      <vt:lpstr>運輸業・郵便業</vt:lpstr>
      <vt:lpstr>卸売業・小売業</vt:lpstr>
      <vt:lpstr>学術研究・専門・技術サービス業</vt:lpstr>
      <vt:lpstr>漁業</vt:lpstr>
      <vt:lpstr>教育・学習支援業</vt:lpstr>
      <vt:lpstr>金融業・保険業</vt:lpstr>
      <vt:lpstr>建設業</vt:lpstr>
      <vt:lpstr>公務・他に分類されるものを除く</vt:lpstr>
      <vt:lpstr>鉱業・採石業・砂利採取業</vt:lpstr>
      <vt:lpstr>宿泊業・飲食サービス業</vt:lpstr>
      <vt:lpstr>情報通信業</vt:lpstr>
      <vt:lpstr>生活関連サービス業・娯楽業</vt:lpstr>
      <vt:lpstr>製造業</vt:lpstr>
      <vt:lpstr>電気・ガス・熱供給・水道業</vt:lpstr>
      <vt:lpstr>農業・林業</vt:lpstr>
      <vt:lpstr>不動産業・物品賃貸業</vt:lpstr>
      <vt:lpstr>複合サービス事業</vt:lpstr>
      <vt:lpstr>分類不能の産業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5-31T21:57:27Z</cp:lastPrinted>
  <dcterms:created xsi:type="dcterms:W3CDTF">1997-01-08T22:48:59Z</dcterms:created>
  <dcterms:modified xsi:type="dcterms:W3CDTF">2024-06-20T13:29:11Z</dcterms:modified>
</cp:coreProperties>
</file>